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13_ncr:1_{819A9086-68A2-48BF-B3E3-D6774869315E}" xr6:coauthVersionLast="47" xr6:coauthVersionMax="47" xr10:uidLastSave="{00000000-0000-0000-0000-000000000000}"/>
  <bookViews>
    <workbookView xWindow="-110" yWindow="-110" windowWidth="19420" windowHeight="10300" tabRatio="594" xr2:uid="{00000000-000D-0000-FFFF-FFFF00000000}"/>
  </bookViews>
  <sheets>
    <sheet name="ア　施設及び業務の概況" sheetId="4" r:id="rId1"/>
    <sheet name="ウ　貸借対照表" sheetId="6" r:id="rId2"/>
  </sheets>
  <definedNames>
    <definedName name="data10">#REF!</definedName>
    <definedName name="data32">#REF!</definedName>
    <definedName name="data33">#REF!</definedName>
    <definedName name="data52">#REF!</definedName>
    <definedName name="item1001">#REF!</definedName>
    <definedName name="item1002">#REF!</definedName>
    <definedName name="item1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Titles" localSheetId="0">'ア　施設及び業務の概況'!$A:$J</definedName>
    <definedName name="_xlnm.Print_Titles" localSheetId="1">'ウ　貸借対照表'!$A:$J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7" uniqueCount="202">
  <si>
    <t>事業開始年月日</t>
    <rPh sb="0" eb="2">
      <t>ジギョウ</t>
    </rPh>
    <rPh sb="2" eb="4">
      <t>カイシ</t>
    </rPh>
    <rPh sb="4" eb="7">
      <t>ネンガッピ</t>
    </rPh>
    <phoneticPr fontId="3"/>
  </si>
  <si>
    <t>法適用年月日</t>
    <rPh sb="0" eb="1">
      <t>ホウ</t>
    </rPh>
    <rPh sb="1" eb="3">
      <t>テキヨウ</t>
    </rPh>
    <rPh sb="3" eb="6">
      <t>ネンガッピ</t>
    </rPh>
    <phoneticPr fontId="3"/>
  </si>
  <si>
    <t>法適用区分</t>
    <rPh sb="0" eb="1">
      <t>ホウ</t>
    </rPh>
    <rPh sb="1" eb="3">
      <t>テキヨウ</t>
    </rPh>
    <rPh sb="3" eb="5">
      <t>クブン</t>
    </rPh>
    <phoneticPr fontId="3"/>
  </si>
  <si>
    <t>管理者設置の有無</t>
    <rPh sb="0" eb="3">
      <t>カンリシャ</t>
    </rPh>
    <rPh sb="3" eb="5">
      <t>セッチ</t>
    </rPh>
    <rPh sb="6" eb="8">
      <t>ウム</t>
    </rPh>
    <phoneticPr fontId="3"/>
  </si>
  <si>
    <t>建物面積(㎡)</t>
    <rPh sb="0" eb="2">
      <t>タテモノ</t>
    </rPh>
    <rPh sb="2" eb="4">
      <t>メンセキ</t>
    </rPh>
    <phoneticPr fontId="3"/>
  </si>
  <si>
    <t>総建設費(千円)</t>
    <rPh sb="0" eb="1">
      <t>ソウ</t>
    </rPh>
    <rPh sb="1" eb="4">
      <t>ケンセツヒ</t>
    </rPh>
    <rPh sb="5" eb="7">
      <t>センエン</t>
    </rPh>
    <phoneticPr fontId="3"/>
  </si>
  <si>
    <t>客室数(室)</t>
    <rPh sb="0" eb="3">
      <t>キャクシツスウ</t>
    </rPh>
    <rPh sb="4" eb="5">
      <t>シツ</t>
    </rPh>
    <phoneticPr fontId="3"/>
  </si>
  <si>
    <t>宿泊定員数(人)</t>
    <rPh sb="0" eb="2">
      <t>シュクハク</t>
    </rPh>
    <rPh sb="2" eb="5">
      <t>テイインスウ</t>
    </rPh>
    <rPh sb="6" eb="7">
      <t>ニン</t>
    </rPh>
    <phoneticPr fontId="3"/>
  </si>
  <si>
    <t>年間利用状況(人)</t>
    <rPh sb="0" eb="2">
      <t>ネンカン</t>
    </rPh>
    <rPh sb="2" eb="4">
      <t>リヨウ</t>
    </rPh>
    <rPh sb="4" eb="6">
      <t>ジョウキョウ</t>
    </rPh>
    <rPh sb="7" eb="8">
      <t>ニン</t>
    </rPh>
    <phoneticPr fontId="3"/>
  </si>
  <si>
    <t>延宿泊者数</t>
    <rPh sb="0" eb="1">
      <t>ノベ</t>
    </rPh>
    <rPh sb="1" eb="4">
      <t>シュクハクシャ</t>
    </rPh>
    <rPh sb="4" eb="5">
      <t>スウ</t>
    </rPh>
    <phoneticPr fontId="3"/>
  </si>
  <si>
    <t>延休憩利用者数</t>
    <rPh sb="0" eb="1">
      <t>ノベ</t>
    </rPh>
    <rPh sb="1" eb="3">
      <t>キュウケイ</t>
    </rPh>
    <rPh sb="3" eb="5">
      <t>リヨウ</t>
    </rPh>
    <rPh sb="5" eb="6">
      <t>シャ</t>
    </rPh>
    <rPh sb="6" eb="7">
      <t>スウ</t>
    </rPh>
    <phoneticPr fontId="3"/>
  </si>
  <si>
    <t>休憩利用者消費額(千円)(税込)</t>
    <rPh sb="0" eb="2">
      <t>キュウケイ</t>
    </rPh>
    <rPh sb="2" eb="5">
      <t>リヨウシャ</t>
    </rPh>
    <rPh sb="5" eb="8">
      <t>ショウヒガク</t>
    </rPh>
    <rPh sb="9" eb="11">
      <t>センエン</t>
    </rPh>
    <rPh sb="13" eb="15">
      <t>ゼイコ</t>
    </rPh>
    <phoneticPr fontId="3"/>
  </si>
  <si>
    <t>宿泊利用者消費額(千円)(税込)</t>
    <rPh sb="0" eb="2">
      <t>シュクハク</t>
    </rPh>
    <rPh sb="2" eb="5">
      <t>リヨウシャ</t>
    </rPh>
    <rPh sb="5" eb="8">
      <t>ショウヒガク</t>
    </rPh>
    <phoneticPr fontId="3"/>
  </si>
  <si>
    <t>その他</t>
    <rPh sb="2" eb="3">
      <t>タ</t>
    </rPh>
    <phoneticPr fontId="3"/>
  </si>
  <si>
    <t>職員数(人)</t>
    <rPh sb="0" eb="3">
      <t>ショクインスウ</t>
    </rPh>
    <rPh sb="4" eb="5">
      <t>ニン</t>
    </rPh>
    <phoneticPr fontId="3"/>
  </si>
  <si>
    <t>損益勘定所属職員</t>
    <rPh sb="0" eb="2">
      <t>ソンエキ</t>
    </rPh>
    <rPh sb="2" eb="4">
      <t>カンジョウ</t>
    </rPh>
    <rPh sb="4" eb="6">
      <t>ショゾク</t>
    </rPh>
    <rPh sb="6" eb="8">
      <t>ショクイン</t>
    </rPh>
    <phoneticPr fontId="3"/>
  </si>
  <si>
    <t>資本勘定所属職員</t>
    <rPh sb="0" eb="2">
      <t>シホン</t>
    </rPh>
    <rPh sb="2" eb="4">
      <t>カンジョウ</t>
    </rPh>
    <rPh sb="4" eb="6">
      <t>ショゾク</t>
    </rPh>
    <rPh sb="6" eb="8">
      <t>ショクイン</t>
    </rPh>
    <phoneticPr fontId="3"/>
  </si>
  <si>
    <t/>
  </si>
  <si>
    <t>小鹿野町</t>
    <phoneticPr fontId="3"/>
  </si>
  <si>
    <t>総収益　a</t>
  </si>
  <si>
    <t>営業収益　b</t>
  </si>
  <si>
    <t>受託工事収益</t>
  </si>
  <si>
    <t>その他営業収益</t>
  </si>
  <si>
    <t>他会計負担金</t>
  </si>
  <si>
    <t>その他</t>
  </si>
  <si>
    <t>営業外収益　c</t>
  </si>
  <si>
    <t>国庫補助金</t>
  </si>
  <si>
    <t>県補助金</t>
    <rPh sb="0" eb="1">
      <t>ケン</t>
    </rPh>
    <rPh sb="1" eb="4">
      <t>ホジョキン</t>
    </rPh>
    <phoneticPr fontId="3"/>
  </si>
  <si>
    <t>他会計補助金</t>
  </si>
  <si>
    <t>雑収益</t>
  </si>
  <si>
    <t>特別利益</t>
  </si>
  <si>
    <t>他会計繰入金</t>
  </si>
  <si>
    <t>固定資産売却益</t>
  </si>
  <si>
    <t>総費用　d</t>
  </si>
  <si>
    <t>営業費用　e</t>
  </si>
  <si>
    <t>受託工事費</t>
  </si>
  <si>
    <t>減価償却費</t>
  </si>
  <si>
    <t>資産減耗費</t>
  </si>
  <si>
    <t>その他営業費用</t>
  </si>
  <si>
    <t>営業外費用　f</t>
  </si>
  <si>
    <t>支払利息</t>
  </si>
  <si>
    <t>企業債取扱諸費</t>
  </si>
  <si>
    <t>繰延勘定償却</t>
  </si>
  <si>
    <t>その他営業外費用</t>
  </si>
  <si>
    <t>特別損失</t>
  </si>
  <si>
    <t>職員給与費</t>
  </si>
  <si>
    <t>経常利益 (b+c)-(e+f)</t>
  </si>
  <si>
    <t>純利益　　 a-d</t>
  </si>
  <si>
    <t>前年度繰越利益剰余金</t>
  </si>
  <si>
    <t>当年度未処分利益剰余金</t>
  </si>
  <si>
    <t>収益的支出に充てた企業債</t>
  </si>
  <si>
    <t>収益的支出に充てた他会計借入金</t>
  </si>
  <si>
    <t>主営業収益</t>
    <rPh sb="0" eb="1">
      <t>シュ</t>
    </rPh>
    <rPh sb="1" eb="3">
      <t>エイギョウ</t>
    </rPh>
    <phoneticPr fontId="3"/>
  </si>
  <si>
    <t>利用収益</t>
    <rPh sb="0" eb="2">
      <t>リヨウ</t>
    </rPh>
    <rPh sb="2" eb="4">
      <t>シュウエキ</t>
    </rPh>
    <phoneticPr fontId="3"/>
  </si>
  <si>
    <t>売店収益</t>
    <rPh sb="0" eb="2">
      <t>バイテン</t>
    </rPh>
    <rPh sb="2" eb="4">
      <t>シュウエキ</t>
    </rPh>
    <phoneticPr fontId="3"/>
  </si>
  <si>
    <t>県補助金</t>
    <rPh sb="0" eb="1">
      <t>ケン</t>
    </rPh>
    <rPh sb="1" eb="4">
      <t>ホジョキン</t>
    </rPh>
    <phoneticPr fontId="4"/>
  </si>
  <si>
    <t>長期前受金戻入</t>
    <rPh sb="0" eb="2">
      <t>チョウキ</t>
    </rPh>
    <rPh sb="2" eb="5">
      <t>マエウケキン</t>
    </rPh>
    <rPh sb="5" eb="7">
      <t>レイニュウ</t>
    </rPh>
    <phoneticPr fontId="3"/>
  </si>
  <si>
    <t>資本費繰入収益</t>
    <rPh sb="0" eb="2">
      <t>シホン</t>
    </rPh>
    <rPh sb="2" eb="3">
      <t>ヒ</t>
    </rPh>
    <rPh sb="3" eb="5">
      <t>クリイレ</t>
    </rPh>
    <rPh sb="5" eb="7">
      <t>シュウエキ</t>
    </rPh>
    <phoneticPr fontId="3"/>
  </si>
  <si>
    <t>施設経営費</t>
    <rPh sb="0" eb="2">
      <t>シセツ</t>
    </rPh>
    <rPh sb="2" eb="4">
      <t>ケイエイ</t>
    </rPh>
    <rPh sb="4" eb="5">
      <t>ヒ</t>
    </rPh>
    <phoneticPr fontId="3"/>
  </si>
  <si>
    <t>その他未処分利益剰余金変動額</t>
    <rPh sb="2" eb="3">
      <t>タ</t>
    </rPh>
    <rPh sb="3" eb="6">
      <t>ミショブン</t>
    </rPh>
    <rPh sb="6" eb="8">
      <t>リエキ</t>
    </rPh>
    <rPh sb="8" eb="11">
      <t>ジョウヨキン</t>
    </rPh>
    <rPh sb="11" eb="13">
      <t>ヘンドウ</t>
    </rPh>
    <rPh sb="13" eb="14">
      <t>ガク</t>
    </rPh>
    <phoneticPr fontId="3"/>
  </si>
  <si>
    <t>他会計繰入金合計</t>
    <rPh sb="0" eb="3">
      <t>タカイケイ</t>
    </rPh>
    <rPh sb="3" eb="6">
      <t>クリイレキン</t>
    </rPh>
    <rPh sb="6" eb="8">
      <t>ゴウケイ</t>
    </rPh>
    <phoneticPr fontId="5"/>
  </si>
  <si>
    <t>繰出基準に基づく繰入金</t>
    <rPh sb="0" eb="2">
      <t>クリダ</t>
    </rPh>
    <rPh sb="2" eb="4">
      <t>キジュン</t>
    </rPh>
    <rPh sb="5" eb="6">
      <t>モト</t>
    </rPh>
    <rPh sb="8" eb="11">
      <t>クリイレキン</t>
    </rPh>
    <phoneticPr fontId="5"/>
  </si>
  <si>
    <t>繰出基準以外の繰入金</t>
    <rPh sb="0" eb="2">
      <t>クリダ</t>
    </rPh>
    <rPh sb="2" eb="4">
      <t>キジュン</t>
    </rPh>
    <rPh sb="4" eb="6">
      <t>イガイ</t>
    </rPh>
    <rPh sb="7" eb="10">
      <t>クリイレキン</t>
    </rPh>
    <phoneticPr fontId="5"/>
  </si>
  <si>
    <t>繰出基準に係る上乗せ繰入</t>
    <rPh sb="0" eb="2">
      <t>クリダ</t>
    </rPh>
    <rPh sb="2" eb="4">
      <t>キジュン</t>
    </rPh>
    <rPh sb="5" eb="6">
      <t>カカ</t>
    </rPh>
    <rPh sb="7" eb="9">
      <t>ウワノ</t>
    </rPh>
    <rPh sb="10" eb="12">
      <t>クリイレ</t>
    </rPh>
    <phoneticPr fontId="5"/>
  </si>
  <si>
    <t>繰出基準事由以外の繰入</t>
    <rPh sb="0" eb="2">
      <t>クリダ</t>
    </rPh>
    <rPh sb="2" eb="4">
      <t>キジュン</t>
    </rPh>
    <rPh sb="4" eb="6">
      <t>ジユウ</t>
    </rPh>
    <rPh sb="6" eb="8">
      <t>イガイ</t>
    </rPh>
    <rPh sb="9" eb="11">
      <t>クリイレ</t>
    </rPh>
    <phoneticPr fontId="5"/>
  </si>
  <si>
    <t>資金に関わる交換差額</t>
    <rPh sb="0" eb="2">
      <t>シキン</t>
    </rPh>
    <rPh sb="3" eb="4">
      <t>カカ</t>
    </rPh>
    <rPh sb="6" eb="8">
      <t>コウカン</t>
    </rPh>
    <rPh sb="8" eb="10">
      <t>サガク</t>
    </rPh>
    <phoneticPr fontId="3"/>
  </si>
  <si>
    <t>資金の増加額又は減少額</t>
    <rPh sb="0" eb="2">
      <t>シキン</t>
    </rPh>
    <rPh sb="3" eb="5">
      <t>ゾウカ</t>
    </rPh>
    <rPh sb="5" eb="6">
      <t>ガク</t>
    </rPh>
    <rPh sb="6" eb="7">
      <t>マタ</t>
    </rPh>
    <rPh sb="8" eb="10">
      <t>ゲンショウ</t>
    </rPh>
    <rPh sb="10" eb="11">
      <t>ガク</t>
    </rPh>
    <phoneticPr fontId="3"/>
  </si>
  <si>
    <t>資金期首残高</t>
    <rPh sb="0" eb="2">
      <t>シキン</t>
    </rPh>
    <rPh sb="2" eb="4">
      <t>キシュ</t>
    </rPh>
    <rPh sb="4" eb="6">
      <t>ザンダカ</t>
    </rPh>
    <phoneticPr fontId="3"/>
  </si>
  <si>
    <t>資金期末残高</t>
    <rPh sb="0" eb="2">
      <t>シキン</t>
    </rPh>
    <rPh sb="2" eb="4">
      <t>キマツ</t>
    </rPh>
    <rPh sb="4" eb="6">
      <t>ザンダカ</t>
    </rPh>
    <phoneticPr fontId="3"/>
  </si>
  <si>
    <t>固定資産</t>
  </si>
  <si>
    <t>有形固定資産</t>
  </si>
  <si>
    <t>土地</t>
  </si>
  <si>
    <t>償却資産</t>
  </si>
  <si>
    <t>建設仮勘定</t>
  </si>
  <si>
    <t>無形固定資産</t>
  </si>
  <si>
    <t>流動資産</t>
  </si>
  <si>
    <t>現金・預金</t>
  </si>
  <si>
    <t>貯蔵品</t>
  </si>
  <si>
    <t>短期有価証券</t>
  </si>
  <si>
    <t>計</t>
  </si>
  <si>
    <t>固定負債</t>
  </si>
  <si>
    <t>再建債</t>
  </si>
  <si>
    <t>流動負債</t>
  </si>
  <si>
    <t>資本金</t>
  </si>
  <si>
    <t>固有資本金</t>
  </si>
  <si>
    <t>再評価組入資本金</t>
  </si>
  <si>
    <t>繰入資本金</t>
  </si>
  <si>
    <t>組入資本金</t>
  </si>
  <si>
    <t>剰余金</t>
  </si>
  <si>
    <t>資本剰余金</t>
  </si>
  <si>
    <t>県補助金</t>
  </si>
  <si>
    <t>工事負担金</t>
  </si>
  <si>
    <t>再評価積立金</t>
  </si>
  <si>
    <t>利益剰余金</t>
  </si>
  <si>
    <t>減債積立金</t>
  </si>
  <si>
    <t>利益積立金</t>
  </si>
  <si>
    <t>建設改良積立金</t>
  </si>
  <si>
    <t>その他積立金</t>
  </si>
  <si>
    <t>負債・資本合計</t>
  </si>
  <si>
    <t>不良債務</t>
  </si>
  <si>
    <t>実質資金不足額</t>
  </si>
  <si>
    <t>経常利益</t>
  </si>
  <si>
    <t>資産</t>
    <rPh sb="0" eb="2">
      <t>シサン</t>
    </rPh>
    <phoneticPr fontId="3"/>
  </si>
  <si>
    <t>うちリース資産</t>
    <rPh sb="5" eb="7">
      <t>シサン</t>
    </rPh>
    <phoneticPr fontId="3"/>
  </si>
  <si>
    <t>投資その他の資産</t>
    <rPh sb="4" eb="5">
      <t>タ</t>
    </rPh>
    <rPh sb="6" eb="8">
      <t>シサン</t>
    </rPh>
    <phoneticPr fontId="3"/>
  </si>
  <si>
    <t>繰延資産</t>
    <rPh sb="0" eb="2">
      <t>クリノベ</t>
    </rPh>
    <rPh sb="2" eb="4">
      <t>シサン</t>
    </rPh>
    <phoneticPr fontId="3"/>
  </si>
  <si>
    <t>負債</t>
    <phoneticPr fontId="3"/>
  </si>
  <si>
    <t>建設改良等の財源に充てるための企業債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キギョウ</t>
    </rPh>
    <rPh sb="17" eb="18">
      <t>サイ</t>
    </rPh>
    <phoneticPr fontId="3"/>
  </si>
  <si>
    <t>その他の企業債</t>
    <rPh sb="2" eb="3">
      <t>タ</t>
    </rPh>
    <rPh sb="4" eb="6">
      <t>キギョウ</t>
    </rPh>
    <rPh sb="6" eb="7">
      <t>サイ</t>
    </rPh>
    <phoneticPr fontId="3"/>
  </si>
  <si>
    <t>建設改良等の財源に充てるための長期借入金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チョウキ</t>
    </rPh>
    <rPh sb="17" eb="19">
      <t>カリイレ</t>
    </rPh>
    <rPh sb="19" eb="20">
      <t>キン</t>
    </rPh>
    <phoneticPr fontId="3"/>
  </si>
  <si>
    <t>その他の長期借入金</t>
    <rPh sb="2" eb="3">
      <t>タ</t>
    </rPh>
    <rPh sb="4" eb="6">
      <t>チョウキ</t>
    </rPh>
    <rPh sb="6" eb="8">
      <t>カリイレ</t>
    </rPh>
    <rPh sb="8" eb="9">
      <t>キン</t>
    </rPh>
    <phoneticPr fontId="3"/>
  </si>
  <si>
    <t>引当金</t>
    <phoneticPr fontId="3"/>
  </si>
  <si>
    <t>リース債務</t>
    <phoneticPr fontId="3"/>
  </si>
  <si>
    <t>その他</t>
    <phoneticPr fontId="3"/>
  </si>
  <si>
    <t>リース債務</t>
    <rPh sb="3" eb="5">
      <t>サイム</t>
    </rPh>
    <phoneticPr fontId="3"/>
  </si>
  <si>
    <t>一時借入金</t>
    <rPh sb="0" eb="2">
      <t>イチジ</t>
    </rPh>
    <rPh sb="2" eb="4">
      <t>カリイレ</t>
    </rPh>
    <rPh sb="4" eb="5">
      <t>キン</t>
    </rPh>
    <phoneticPr fontId="3"/>
  </si>
  <si>
    <t>繰延収益</t>
    <rPh sb="0" eb="2">
      <t>クリノベ</t>
    </rPh>
    <rPh sb="2" eb="4">
      <t>シュウエキ</t>
    </rPh>
    <phoneticPr fontId="3"/>
  </si>
  <si>
    <t>資本</t>
    <rPh sb="0" eb="2">
      <t>シホン</t>
    </rPh>
    <phoneticPr fontId="3"/>
  </si>
  <si>
    <t>剰余金等</t>
    <rPh sb="0" eb="4">
      <t>ジョウヨキントウ</t>
    </rPh>
    <phoneticPr fontId="3"/>
  </si>
  <si>
    <t>うち</t>
    <phoneticPr fontId="3"/>
  </si>
  <si>
    <t>当年度純利益</t>
    <phoneticPr fontId="3"/>
  </si>
  <si>
    <t>その他有価証券評価差額</t>
    <rPh sb="2" eb="3">
      <t>タ</t>
    </rPh>
    <rPh sb="3" eb="5">
      <t>ユウカ</t>
    </rPh>
    <rPh sb="5" eb="7">
      <t>ショウケン</t>
    </rPh>
    <rPh sb="7" eb="9">
      <t>ヒョウカ</t>
    </rPh>
    <rPh sb="9" eb="11">
      <t>サガク</t>
    </rPh>
    <phoneticPr fontId="3"/>
  </si>
  <si>
    <t>資本的収入</t>
    <rPh sb="0" eb="3">
      <t>シホンテキ</t>
    </rPh>
    <rPh sb="3" eb="5">
      <t>シュウニュウ</t>
    </rPh>
    <phoneticPr fontId="3"/>
  </si>
  <si>
    <t>企業債</t>
    <rPh sb="0" eb="2">
      <t>キギョウ</t>
    </rPh>
    <rPh sb="2" eb="3">
      <t>サイ</t>
    </rPh>
    <phoneticPr fontId="3"/>
  </si>
  <si>
    <t>建設改良のための企業債</t>
    <rPh sb="0" eb="2">
      <t>ケンセツ</t>
    </rPh>
    <rPh sb="2" eb="4">
      <t>カイリョウ</t>
    </rPh>
    <rPh sb="8" eb="10">
      <t>キギョウ</t>
    </rPh>
    <rPh sb="10" eb="11">
      <t>サイ</t>
    </rPh>
    <phoneticPr fontId="3"/>
  </si>
  <si>
    <t>他会計出資金</t>
    <rPh sb="0" eb="1">
      <t>タ</t>
    </rPh>
    <rPh sb="1" eb="3">
      <t>カイケイ</t>
    </rPh>
    <rPh sb="3" eb="6">
      <t>シュッシキン</t>
    </rPh>
    <phoneticPr fontId="3"/>
  </si>
  <si>
    <t>他会計負担金</t>
    <rPh sb="0" eb="1">
      <t>タ</t>
    </rPh>
    <rPh sb="1" eb="3">
      <t>カイケイ</t>
    </rPh>
    <rPh sb="3" eb="6">
      <t>フタンキン</t>
    </rPh>
    <phoneticPr fontId="3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3"/>
  </si>
  <si>
    <t>他会計補助金</t>
    <rPh sb="0" eb="1">
      <t>タ</t>
    </rPh>
    <rPh sb="1" eb="3">
      <t>カイケイ</t>
    </rPh>
    <rPh sb="3" eb="6">
      <t>ホジョキン</t>
    </rPh>
    <phoneticPr fontId="3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3"/>
  </si>
  <si>
    <t>国庫補助金</t>
    <rPh sb="0" eb="2">
      <t>コッコ</t>
    </rPh>
    <rPh sb="2" eb="5">
      <t>ホジョキン</t>
    </rPh>
    <phoneticPr fontId="3"/>
  </si>
  <si>
    <t>工事負担金</t>
    <rPh sb="0" eb="2">
      <t>コウジ</t>
    </rPh>
    <rPh sb="2" eb="5">
      <t>フタンキン</t>
    </rPh>
    <phoneticPr fontId="3"/>
  </si>
  <si>
    <t>翌年度へ繰越される</t>
    <rPh sb="0" eb="3">
      <t>ヨクネンド</t>
    </rPh>
    <rPh sb="4" eb="6">
      <t>クリコ</t>
    </rPh>
    <phoneticPr fontId="3"/>
  </si>
  <si>
    <t>資本的支出</t>
    <rPh sb="0" eb="3">
      <t>シホンテキ</t>
    </rPh>
    <rPh sb="3" eb="5">
      <t>シシュツ</t>
    </rPh>
    <phoneticPr fontId="3"/>
  </si>
  <si>
    <t>建設改良費</t>
    <rPh sb="0" eb="2">
      <t>ケンセツ</t>
    </rPh>
    <rPh sb="2" eb="4">
      <t>カイリョウ</t>
    </rPh>
    <rPh sb="4" eb="5">
      <t>ヒ</t>
    </rPh>
    <phoneticPr fontId="3"/>
  </si>
  <si>
    <t>職員給与費</t>
    <rPh sb="0" eb="2">
      <t>ショクイン</t>
    </rPh>
    <rPh sb="2" eb="4">
      <t>キュウヨ</t>
    </rPh>
    <rPh sb="4" eb="5">
      <t>ヒ</t>
    </rPh>
    <phoneticPr fontId="3"/>
  </si>
  <si>
    <t>建設利息</t>
    <rPh sb="0" eb="2">
      <t>ケンセツ</t>
    </rPh>
    <rPh sb="2" eb="4">
      <t>リソク</t>
    </rPh>
    <phoneticPr fontId="3"/>
  </si>
  <si>
    <t>企業債償還金</t>
    <rPh sb="0" eb="2">
      <t>キギョウ</t>
    </rPh>
    <rPh sb="2" eb="3">
      <t>サイ</t>
    </rPh>
    <rPh sb="3" eb="6">
      <t>ショウカンキン</t>
    </rPh>
    <phoneticPr fontId="3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3"/>
  </si>
  <si>
    <t>他会計への支出金</t>
    <rPh sb="0" eb="1">
      <t>タ</t>
    </rPh>
    <rPh sb="1" eb="3">
      <t>カイケイ</t>
    </rPh>
    <rPh sb="5" eb="8">
      <t>シシュツキン</t>
    </rPh>
    <phoneticPr fontId="3"/>
  </si>
  <si>
    <t>差額</t>
    <rPh sb="0" eb="2">
      <t>サガク</t>
    </rPh>
    <phoneticPr fontId="3"/>
  </si>
  <si>
    <t>補てん財源</t>
    <rPh sb="0" eb="1">
      <t>ホ</t>
    </rPh>
    <rPh sb="3" eb="5">
      <t>ザイゲン</t>
    </rPh>
    <phoneticPr fontId="3"/>
  </si>
  <si>
    <t>過年度分損益勘定留保資金</t>
    <rPh sb="0" eb="1">
      <t>カ</t>
    </rPh>
    <rPh sb="1" eb="3">
      <t>ネンド</t>
    </rPh>
    <rPh sb="3" eb="4">
      <t>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3"/>
  </si>
  <si>
    <t>当年度分損益勘定留保資金</t>
    <rPh sb="0" eb="1">
      <t>トウ</t>
    </rPh>
    <rPh sb="1" eb="4">
      <t>ネンド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3"/>
  </si>
  <si>
    <t>繰越利益剰余金処分額</t>
    <rPh sb="0" eb="2">
      <t>クリコシ</t>
    </rPh>
    <rPh sb="2" eb="4">
      <t>リエキ</t>
    </rPh>
    <rPh sb="4" eb="7">
      <t>ジョウヨキン</t>
    </rPh>
    <rPh sb="7" eb="9">
      <t>ショブン</t>
    </rPh>
    <rPh sb="9" eb="10">
      <t>ガク</t>
    </rPh>
    <phoneticPr fontId="3"/>
  </si>
  <si>
    <t>当年度利益剰余金処分額</t>
    <rPh sb="0" eb="1">
      <t>トウ</t>
    </rPh>
    <rPh sb="1" eb="3">
      <t>ネンド</t>
    </rPh>
    <rPh sb="3" eb="5">
      <t>リエキ</t>
    </rPh>
    <rPh sb="5" eb="8">
      <t>ジョウヨキン</t>
    </rPh>
    <rPh sb="8" eb="10">
      <t>ショブン</t>
    </rPh>
    <rPh sb="10" eb="11">
      <t>ガク</t>
    </rPh>
    <phoneticPr fontId="3"/>
  </si>
  <si>
    <t>積立金取りくずし額</t>
    <rPh sb="0" eb="2">
      <t>ツミタテ</t>
    </rPh>
    <rPh sb="2" eb="3">
      <t>キン</t>
    </rPh>
    <rPh sb="3" eb="4">
      <t>ト</t>
    </rPh>
    <rPh sb="8" eb="9">
      <t>ガク</t>
    </rPh>
    <phoneticPr fontId="3"/>
  </si>
  <si>
    <t>繰越工事資金</t>
    <rPh sb="0" eb="2">
      <t>クリコシ</t>
    </rPh>
    <rPh sb="2" eb="4">
      <t>コウジ</t>
    </rPh>
    <rPh sb="4" eb="6">
      <t>シキン</t>
    </rPh>
    <phoneticPr fontId="3"/>
  </si>
  <si>
    <t>当年度同意等債で未借入または未発行額</t>
    <rPh sb="0" eb="1">
      <t>トウ</t>
    </rPh>
    <rPh sb="1" eb="3">
      <t>ネンド</t>
    </rPh>
    <rPh sb="3" eb="5">
      <t>ドウイ</t>
    </rPh>
    <rPh sb="5" eb="6">
      <t>トウ</t>
    </rPh>
    <rPh sb="6" eb="7">
      <t>サイ</t>
    </rPh>
    <rPh sb="8" eb="9">
      <t>ミ</t>
    </rPh>
    <rPh sb="9" eb="11">
      <t>カリイレ</t>
    </rPh>
    <rPh sb="14" eb="18">
      <t>ミハッコウガク</t>
    </rPh>
    <phoneticPr fontId="3"/>
  </si>
  <si>
    <t>企業債償還金のうち繰上償還金分</t>
    <rPh sb="0" eb="2">
      <t>キギョウ</t>
    </rPh>
    <rPh sb="2" eb="3">
      <t>サイ</t>
    </rPh>
    <rPh sb="3" eb="6">
      <t>ショウカンキン</t>
    </rPh>
    <rPh sb="9" eb="10">
      <t>ク</t>
    </rPh>
    <rPh sb="10" eb="11">
      <t>ア</t>
    </rPh>
    <rPh sb="11" eb="13">
      <t>ショウカン</t>
    </rPh>
    <rPh sb="13" eb="14">
      <t>キン</t>
    </rPh>
    <rPh sb="14" eb="15">
      <t>ブン</t>
    </rPh>
    <phoneticPr fontId="3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3"/>
  </si>
  <si>
    <t>財政融資資金</t>
    <rPh sb="0" eb="2">
      <t>ザイセイ</t>
    </rPh>
    <rPh sb="2" eb="4">
      <t>ユウシ</t>
    </rPh>
    <rPh sb="4" eb="6">
      <t>シキン</t>
    </rPh>
    <phoneticPr fontId="3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3"/>
  </si>
  <si>
    <t>他会計繰入金合計</t>
    <rPh sb="0" eb="1">
      <t>タ</t>
    </rPh>
    <rPh sb="1" eb="3">
      <t>カイケイ</t>
    </rPh>
    <rPh sb="3" eb="5">
      <t>クリイレ</t>
    </rPh>
    <rPh sb="5" eb="6">
      <t>キン</t>
    </rPh>
    <rPh sb="6" eb="8">
      <t>ゴウケイ</t>
    </rPh>
    <phoneticPr fontId="3"/>
  </si>
  <si>
    <t>繰出基準に基づく繰入金</t>
    <rPh sb="0" eb="2">
      <t>クリダシ</t>
    </rPh>
    <rPh sb="2" eb="4">
      <t>キジュン</t>
    </rPh>
    <rPh sb="5" eb="6">
      <t>モト</t>
    </rPh>
    <rPh sb="8" eb="10">
      <t>クリイレ</t>
    </rPh>
    <rPh sb="10" eb="11">
      <t>キン</t>
    </rPh>
    <phoneticPr fontId="3"/>
  </si>
  <si>
    <t>繰出基準以外の繰入金</t>
    <rPh sb="0" eb="2">
      <t>クリダシ</t>
    </rPh>
    <rPh sb="2" eb="4">
      <t>キジュン</t>
    </rPh>
    <rPh sb="4" eb="6">
      <t>イガイ</t>
    </rPh>
    <rPh sb="7" eb="9">
      <t>クリイレ</t>
    </rPh>
    <rPh sb="9" eb="10">
      <t>キン</t>
    </rPh>
    <phoneticPr fontId="3"/>
  </si>
  <si>
    <t>繰出基準に係る上乗せ繰入</t>
    <rPh sb="0" eb="2">
      <t>クリダシ</t>
    </rPh>
    <rPh sb="2" eb="4">
      <t>キジュン</t>
    </rPh>
    <rPh sb="5" eb="6">
      <t>カカ</t>
    </rPh>
    <rPh sb="7" eb="9">
      <t>ウワノ</t>
    </rPh>
    <rPh sb="10" eb="12">
      <t>クリイレ</t>
    </rPh>
    <phoneticPr fontId="3"/>
  </si>
  <si>
    <t>企業債現在高</t>
    <rPh sb="0" eb="2">
      <t>キギョウ</t>
    </rPh>
    <rPh sb="2" eb="3">
      <t>サイ</t>
    </rPh>
    <rPh sb="3" eb="6">
      <t>ゲンザイダカ</t>
    </rPh>
    <phoneticPr fontId="3"/>
  </si>
  <si>
    <t>　　　　　　　　　　　　団体名
　区分</t>
  </si>
  <si>
    <t>計 (a)</t>
    <rPh sb="0" eb="1">
      <t>ケイ</t>
    </rPh>
    <phoneticPr fontId="3"/>
  </si>
  <si>
    <t>支出の財源充当額 (b)</t>
    <rPh sb="0" eb="2">
      <t>シシュツ</t>
    </rPh>
    <rPh sb="3" eb="5">
      <t>ザイゲン</t>
    </rPh>
    <rPh sb="5" eb="7">
      <t>ジュウトウ</t>
    </rPh>
    <rPh sb="7" eb="8">
      <t>ガク</t>
    </rPh>
    <phoneticPr fontId="3"/>
  </si>
  <si>
    <t>純計 (a)-{(b)+(c)} (d)</t>
    <rPh sb="0" eb="2">
      <t>ジュンケイ</t>
    </rPh>
    <phoneticPr fontId="3"/>
  </si>
  <si>
    <t>計 (e)</t>
    <rPh sb="0" eb="1">
      <t>ケイ</t>
    </rPh>
    <phoneticPr fontId="3"/>
  </si>
  <si>
    <t>差引
(d)-(e)</t>
    <rPh sb="0" eb="2">
      <t>サシヒキ</t>
    </rPh>
    <phoneticPr fontId="3"/>
  </si>
  <si>
    <t>計 (g)</t>
    <rPh sb="0" eb="1">
      <t>ケイ</t>
    </rPh>
    <phoneticPr fontId="3"/>
  </si>
  <si>
    <t>収益性</t>
    <rPh sb="0" eb="3">
      <t>シュウエキセイ</t>
    </rPh>
    <phoneticPr fontId="2"/>
  </si>
  <si>
    <t>総収支比率(%)</t>
    <rPh sb="0" eb="1">
      <t>ソウ</t>
    </rPh>
    <rPh sb="1" eb="3">
      <t>シュウシ</t>
    </rPh>
    <rPh sb="3" eb="5">
      <t>ヒリツ</t>
    </rPh>
    <phoneticPr fontId="2"/>
  </si>
  <si>
    <t>経常収支比率(%)</t>
    <rPh sb="0" eb="2">
      <t>ケイジョウ</t>
    </rPh>
    <rPh sb="2" eb="4">
      <t>シュウシ</t>
    </rPh>
    <rPh sb="4" eb="6">
      <t>ヒリツ</t>
    </rPh>
    <phoneticPr fontId="2"/>
  </si>
  <si>
    <t>営業収支比率(%)</t>
    <rPh sb="0" eb="2">
      <t>エイギョウ</t>
    </rPh>
    <rPh sb="2" eb="4">
      <t>シュウシ</t>
    </rPh>
    <rPh sb="4" eb="6">
      <t>ヒリツ</t>
    </rPh>
    <phoneticPr fontId="2"/>
  </si>
  <si>
    <t>累積欠損金比率(%)</t>
    <rPh sb="0" eb="2">
      <t>ルイセキ</t>
    </rPh>
    <rPh sb="2" eb="5">
      <t>ケッソンキン</t>
    </rPh>
    <rPh sb="5" eb="7">
      <t>ヒリツ</t>
    </rPh>
    <phoneticPr fontId="2"/>
  </si>
  <si>
    <t>未収金・未収収益</t>
    <rPh sb="0" eb="3">
      <t>ミシュウキン</t>
    </rPh>
    <rPh sb="4" eb="6">
      <t>ミシュウ</t>
    </rPh>
    <rPh sb="6" eb="8">
      <t>シュウエキ</t>
    </rPh>
    <phoneticPr fontId="4"/>
  </si>
  <si>
    <t>未払金・未払費用</t>
    <rPh sb="0" eb="1">
      <t>ミ</t>
    </rPh>
    <rPh sb="1" eb="2">
      <t>バラ</t>
    </rPh>
    <rPh sb="2" eb="3">
      <t>キン</t>
    </rPh>
    <rPh sb="4" eb="6">
      <t>ミバラ</t>
    </rPh>
    <rPh sb="6" eb="8">
      <t>ヒヨウ</t>
    </rPh>
    <phoneticPr fontId="3"/>
  </si>
  <si>
    <t>前受金・前受収益</t>
    <rPh sb="0" eb="3">
      <t>マエウケキン</t>
    </rPh>
    <rPh sb="4" eb="6">
      <t>マエウケ</t>
    </rPh>
    <rPh sb="6" eb="8">
      <t>シュウエキ</t>
    </rPh>
    <phoneticPr fontId="3"/>
  </si>
  <si>
    <t>長期前受金</t>
    <rPh sb="0" eb="2">
      <t>チョウキ</t>
    </rPh>
    <rPh sb="2" eb="4">
      <t>マエウケ</t>
    </rPh>
    <rPh sb="4" eb="5">
      <t>キン</t>
    </rPh>
    <phoneticPr fontId="3"/>
  </si>
  <si>
    <t>計</t>
    <rPh sb="0" eb="1">
      <t>ケイ</t>
    </rPh>
    <phoneticPr fontId="3"/>
  </si>
  <si>
    <t>前年度同意等債で今年度収入分 (c)</t>
    <rPh sb="0" eb="3">
      <t>ゼンネンド</t>
    </rPh>
    <rPh sb="3" eb="5">
      <t>ドウイ</t>
    </rPh>
    <rPh sb="5" eb="6">
      <t>トウ</t>
    </rPh>
    <rPh sb="6" eb="7">
      <t>サイ</t>
    </rPh>
    <rPh sb="8" eb="11">
      <t>コンネンド</t>
    </rPh>
    <rPh sb="11" eb="13">
      <t>シュウニュウ</t>
    </rPh>
    <rPh sb="13" eb="14">
      <t>ブン</t>
    </rPh>
    <phoneticPr fontId="3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3"/>
  </si>
  <si>
    <t>繰出基準の事由以外の繰入</t>
    <rPh sb="0" eb="2">
      <t>クリダシ</t>
    </rPh>
    <rPh sb="2" eb="4">
      <t>キジュン</t>
    </rPh>
    <rPh sb="5" eb="7">
      <t>ジユウ</t>
    </rPh>
    <rPh sb="7" eb="9">
      <t>イガイ</t>
    </rPh>
    <rPh sb="10" eb="12">
      <t>クリイレ</t>
    </rPh>
    <phoneticPr fontId="3"/>
  </si>
  <si>
    <t>キャッシュ・フロー計算書に関する調</t>
    <rPh sb="9" eb="12">
      <t>ケイサンショ</t>
    </rPh>
    <rPh sb="13" eb="14">
      <t>カン</t>
    </rPh>
    <rPh sb="16" eb="17">
      <t>シラ</t>
    </rPh>
    <phoneticPr fontId="3"/>
  </si>
  <si>
    <t>業務活動によるキャッシュ・フロー</t>
    <rPh sb="0" eb="2">
      <t>ギョウム</t>
    </rPh>
    <rPh sb="2" eb="4">
      <t>カツドウ</t>
    </rPh>
    <phoneticPr fontId="3"/>
  </si>
  <si>
    <t>投資活動によるキャッシュ・フロー</t>
    <rPh sb="0" eb="2">
      <t>トウシ</t>
    </rPh>
    <rPh sb="2" eb="4">
      <t>カツドウ</t>
    </rPh>
    <phoneticPr fontId="3"/>
  </si>
  <si>
    <t>財務活動によるキャッシュ・フロー</t>
    <rPh sb="0" eb="2">
      <t>ザイム</t>
    </rPh>
    <rPh sb="2" eb="4">
      <t>カツドウ</t>
    </rPh>
    <phoneticPr fontId="3"/>
  </si>
  <si>
    <t>S50.12.01</t>
  </si>
  <si>
    <t>H17.10.01</t>
  </si>
  <si>
    <t>条例財務</t>
  </si>
  <si>
    <t>無</t>
  </si>
  <si>
    <t>客単価(円)
(税込み)</t>
    <rPh sb="0" eb="3">
      <t>キャクタンカ</t>
    </rPh>
    <rPh sb="4" eb="5">
      <t>エン</t>
    </rPh>
    <phoneticPr fontId="3"/>
  </si>
  <si>
    <t>（１）宿泊</t>
    <rPh sb="3" eb="5">
      <t>シュクハク</t>
    </rPh>
    <phoneticPr fontId="3"/>
  </si>
  <si>
    <t>（２）休憩</t>
    <rPh sb="3" eb="5">
      <t>キュウケイ</t>
    </rPh>
    <phoneticPr fontId="3"/>
  </si>
  <si>
    <t>施設用地面積(㎡)</t>
    <rPh sb="0" eb="2">
      <t>シセツ</t>
    </rPh>
    <rPh sb="2" eb="4">
      <t>ヨウチ</t>
    </rPh>
    <rPh sb="4" eb="6">
      <t>メンセキ</t>
    </rPh>
    <phoneticPr fontId="3"/>
  </si>
  <si>
    <t>経常損失　　 〃 　</t>
    <phoneticPr fontId="3"/>
  </si>
  <si>
    <t>純損失　　　〃　　</t>
    <phoneticPr fontId="3"/>
  </si>
  <si>
    <t>減価償却累計額</t>
    <phoneticPr fontId="3"/>
  </si>
  <si>
    <t>うちリース資産減価償却累計額</t>
    <rPh sb="5" eb="7">
      <t>シサン</t>
    </rPh>
    <rPh sb="7" eb="9">
      <t>ゲンカ</t>
    </rPh>
    <rPh sb="9" eb="11">
      <t>ショウキャク</t>
    </rPh>
    <rPh sb="11" eb="13">
      <t>ルイケイ</t>
    </rPh>
    <rPh sb="13" eb="14">
      <t>ガク</t>
    </rPh>
    <phoneticPr fontId="3"/>
  </si>
  <si>
    <t>貸倒引当金</t>
    <rPh sb="0" eb="1">
      <t>カ</t>
    </rPh>
    <rPh sb="1" eb="2">
      <t>タオ</t>
    </rPh>
    <rPh sb="2" eb="4">
      <t>ヒキアテ</t>
    </rPh>
    <rPh sb="4" eb="5">
      <t>キン</t>
    </rPh>
    <phoneticPr fontId="3"/>
  </si>
  <si>
    <t>長期前受金収益化累計額</t>
    <rPh sb="0" eb="2">
      <t>チョウキ</t>
    </rPh>
    <rPh sb="2" eb="5">
      <t>マエウケキン</t>
    </rPh>
    <rPh sb="5" eb="8">
      <t>シュウエキカ</t>
    </rPh>
    <rPh sb="8" eb="10">
      <t>ルイケイ</t>
    </rPh>
    <rPh sb="10" eb="11">
      <t>ガク</t>
    </rPh>
    <phoneticPr fontId="3"/>
  </si>
  <si>
    <t>当年度未処理欠損金</t>
    <phoneticPr fontId="3"/>
  </si>
  <si>
    <t>当年度純損失</t>
    <phoneticPr fontId="3"/>
  </si>
  <si>
    <t>経常損失</t>
    <phoneticPr fontId="3"/>
  </si>
  <si>
    <t>不足額(f)</t>
    <rPh sb="0" eb="2">
      <t>フソク</t>
    </rPh>
    <rPh sb="2" eb="3">
      <t>ガク</t>
    </rPh>
    <phoneticPr fontId="3"/>
  </si>
  <si>
    <t>補てん財源不足額(f)-(g)</t>
    <rPh sb="0" eb="1">
      <t>ホ</t>
    </rPh>
    <rPh sb="3" eb="5">
      <t>ザイゲン</t>
    </rPh>
    <rPh sb="5" eb="7">
      <t>フソク</t>
    </rPh>
    <rPh sb="7" eb="8">
      <t>ガク</t>
    </rPh>
    <phoneticPr fontId="3"/>
  </si>
  <si>
    <t>受取利息・配当金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176" formatCode="#,##0_ ;&quot;△ &quot;#,##0_ "/>
    <numFmt numFmtId="177" formatCode="#,##0_ ;&quot;▲ &quot;#,##0_ "/>
    <numFmt numFmtId="178" formatCode="0.0_ "/>
    <numFmt numFmtId="179" formatCode="#,##0.0_ ;[Red]\-#,##0.0\ "/>
    <numFmt numFmtId="180" formatCode="#,##0.0;[Red]\-#,##0.0"/>
    <numFmt numFmtId="181" formatCode="&quot;▲&quot;#,##0_ ;#,##0_ "/>
    <numFmt numFmtId="182" formatCode="#,##0_ ;&quot;▲&quot;#,##0_ "/>
  </numFmts>
  <fonts count="10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7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2"/>
      <name val="ＭＳ ゴシック"/>
      <family val="3"/>
      <charset val="128"/>
    </font>
    <font>
      <sz val="7"/>
      <color rgb="FFFF0000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6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/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129">
    <xf numFmtId="0" fontId="0" fillId="0" borderId="0" xfId="0">
      <alignment vertical="center"/>
    </xf>
    <xf numFmtId="0" fontId="6" fillId="0" borderId="1" xfId="0" applyFont="1" applyBorder="1">
      <alignment vertical="center"/>
    </xf>
    <xf numFmtId="0" fontId="6" fillId="0" borderId="2" xfId="0" applyFont="1" applyBorder="1">
      <alignment vertical="center"/>
    </xf>
    <xf numFmtId="0" fontId="6" fillId="0" borderId="2" xfId="0" applyFont="1" applyBorder="1" applyAlignment="1">
      <alignment vertical="center" wrapText="1"/>
    </xf>
    <xf numFmtId="0" fontId="6" fillId="0" borderId="3" xfId="0" applyFont="1" applyBorder="1" applyAlignment="1">
      <alignment vertical="center" wrapText="1"/>
    </xf>
    <xf numFmtId="38" fontId="6" fillId="0" borderId="1" xfId="1" applyFont="1" applyFill="1" applyBorder="1" applyAlignment="1">
      <alignment horizontal="center" vertical="center"/>
    </xf>
    <xf numFmtId="0" fontId="6" fillId="2" borderId="2" xfId="0" applyFont="1" applyFill="1" applyBorder="1" applyAlignment="1">
      <alignment horizontal="center" vertical="center"/>
    </xf>
    <xf numFmtId="38" fontId="6" fillId="0" borderId="24" xfId="1" applyFont="1" applyFill="1" applyBorder="1" applyAlignment="1">
      <alignment horizontal="center" vertical="center"/>
    </xf>
    <xf numFmtId="176" fontId="6" fillId="0" borderId="26" xfId="1" applyNumberFormat="1" applyFont="1" applyFill="1" applyBorder="1" applyAlignment="1">
      <alignment horizontal="center" vertical="center"/>
    </xf>
    <xf numFmtId="176" fontId="6" fillId="0" borderId="26" xfId="1" applyNumberFormat="1" applyFont="1" applyFill="1" applyBorder="1" applyAlignment="1">
      <alignment horizontal="right" vertical="center"/>
    </xf>
    <xf numFmtId="176" fontId="6" fillId="0" borderId="27" xfId="1" applyNumberFormat="1" applyFont="1" applyFill="1" applyBorder="1" applyAlignment="1">
      <alignment horizontal="right" vertical="center"/>
    </xf>
    <xf numFmtId="0" fontId="6" fillId="0" borderId="0" xfId="0" applyFont="1">
      <alignment vertical="center"/>
    </xf>
    <xf numFmtId="0" fontId="6" fillId="2" borderId="1" xfId="0" applyFont="1" applyFill="1" applyBorder="1" applyAlignment="1">
      <alignment horizontal="center" vertical="center"/>
    </xf>
    <xf numFmtId="176" fontId="6" fillId="0" borderId="25" xfId="1" applyNumberFormat="1" applyFont="1" applyFill="1" applyBorder="1" applyAlignment="1">
      <alignment horizontal="right" vertical="center"/>
    </xf>
    <xf numFmtId="38" fontId="6" fillId="0" borderId="0" xfId="1" applyFont="1" applyAlignment="1">
      <alignment vertical="center"/>
    </xf>
    <xf numFmtId="0" fontId="6" fillId="0" borderId="1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/>
    </xf>
    <xf numFmtId="176" fontId="6" fillId="0" borderId="49" xfId="1" applyNumberFormat="1" applyFont="1" applyFill="1" applyBorder="1" applyAlignment="1">
      <alignment horizontal="right" vertical="center"/>
    </xf>
    <xf numFmtId="176" fontId="6" fillId="0" borderId="50" xfId="1" applyNumberFormat="1" applyFont="1" applyFill="1" applyBorder="1" applyAlignment="1">
      <alignment horizontal="right" vertical="center"/>
    </xf>
    <xf numFmtId="177" fontId="6" fillId="0" borderId="26" xfId="1" applyNumberFormat="1" applyFont="1" applyFill="1" applyBorder="1" applyAlignment="1">
      <alignment horizontal="right" vertical="center"/>
    </xf>
    <xf numFmtId="177" fontId="6" fillId="0" borderId="25" xfId="1" applyNumberFormat="1" applyFont="1" applyFill="1" applyBorder="1" applyAlignment="1">
      <alignment horizontal="right" vertical="center"/>
    </xf>
    <xf numFmtId="180" fontId="6" fillId="0" borderId="0" xfId="1" applyNumberFormat="1" applyFont="1" applyAlignment="1">
      <alignment vertical="center"/>
    </xf>
    <xf numFmtId="179" fontId="6" fillId="0" borderId="26" xfId="1" applyNumberFormat="1" applyFont="1" applyFill="1" applyBorder="1">
      <alignment vertical="center"/>
    </xf>
    <xf numFmtId="179" fontId="6" fillId="0" borderId="50" xfId="1" applyNumberFormat="1" applyFont="1" applyFill="1" applyBorder="1">
      <alignment vertical="center"/>
    </xf>
    <xf numFmtId="181" fontId="6" fillId="0" borderId="26" xfId="1" applyNumberFormat="1" applyFont="1" applyFill="1" applyBorder="1" applyAlignment="1">
      <alignment horizontal="right" vertical="center"/>
    </xf>
    <xf numFmtId="182" fontId="6" fillId="0" borderId="26" xfId="1" applyNumberFormat="1" applyFont="1" applyFill="1" applyBorder="1" applyAlignment="1">
      <alignment horizontal="right" vertical="center"/>
    </xf>
    <xf numFmtId="181" fontId="6" fillId="0" borderId="27" xfId="1" applyNumberFormat="1" applyFont="1" applyFill="1" applyBorder="1" applyAlignment="1">
      <alignment horizontal="right" vertical="center"/>
    </xf>
    <xf numFmtId="0" fontId="6" fillId="0" borderId="8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10" xfId="0" applyFont="1" applyBorder="1" applyAlignment="1">
      <alignment horizontal="left" vertical="center"/>
    </xf>
    <xf numFmtId="0" fontId="6" fillId="0" borderId="7" xfId="0" applyFont="1" applyBorder="1">
      <alignment vertical="center"/>
    </xf>
    <xf numFmtId="0" fontId="6" fillId="0" borderId="0" xfId="0" applyFont="1" applyAlignment="1">
      <alignment horizontal="right" vertical="center"/>
    </xf>
    <xf numFmtId="0" fontId="6" fillId="0" borderId="3" xfId="0" applyFont="1" applyBorder="1" applyAlignment="1">
      <alignment horizontal="left" vertical="center"/>
    </xf>
    <xf numFmtId="0" fontId="6" fillId="0" borderId="14" xfId="0" applyFont="1" applyBorder="1">
      <alignment vertical="center"/>
    </xf>
    <xf numFmtId="0" fontId="6" fillId="0" borderId="31" xfId="0" applyFont="1" applyBorder="1">
      <alignment vertical="center"/>
    </xf>
    <xf numFmtId="0" fontId="6" fillId="0" borderId="32" xfId="0" applyFont="1" applyBorder="1">
      <alignment vertical="center"/>
    </xf>
    <xf numFmtId="0" fontId="6" fillId="0" borderId="33" xfId="0" applyFont="1" applyBorder="1">
      <alignment vertical="center"/>
    </xf>
    <xf numFmtId="0" fontId="6" fillId="0" borderId="15" xfId="0" applyFont="1" applyBorder="1" applyAlignment="1">
      <alignment horizontal="left" vertical="center"/>
    </xf>
    <xf numFmtId="0" fontId="6" fillId="0" borderId="16" xfId="0" applyFont="1" applyBorder="1">
      <alignment vertical="center"/>
    </xf>
    <xf numFmtId="0" fontId="6" fillId="0" borderId="18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25" xfId="0" applyFont="1" applyBorder="1">
      <alignment vertical="center"/>
    </xf>
    <xf numFmtId="0" fontId="6" fillId="0" borderId="34" xfId="0" applyFont="1" applyBorder="1">
      <alignment vertical="center"/>
    </xf>
    <xf numFmtId="0" fontId="6" fillId="0" borderId="36" xfId="0" applyFont="1" applyBorder="1">
      <alignment vertical="center"/>
    </xf>
    <xf numFmtId="0" fontId="6" fillId="0" borderId="15" xfId="0" applyFont="1" applyBorder="1">
      <alignment vertical="center"/>
    </xf>
    <xf numFmtId="0" fontId="6" fillId="0" borderId="9" xfId="0" applyFont="1" applyBorder="1">
      <alignment vertical="center"/>
    </xf>
    <xf numFmtId="178" fontId="6" fillId="0" borderId="26" xfId="0" applyNumberFormat="1" applyFont="1" applyBorder="1">
      <alignment vertical="center"/>
    </xf>
    <xf numFmtId="0" fontId="6" fillId="0" borderId="22" xfId="0" applyFont="1" applyBorder="1">
      <alignment vertical="center"/>
    </xf>
    <xf numFmtId="0" fontId="6" fillId="0" borderId="39" xfId="0" applyFont="1" applyBorder="1">
      <alignment vertical="center"/>
    </xf>
    <xf numFmtId="178" fontId="6" fillId="0" borderId="27" xfId="0" applyNumberFormat="1" applyFont="1" applyBorder="1">
      <alignment vertical="center"/>
    </xf>
    <xf numFmtId="0" fontId="6" fillId="0" borderId="35" xfId="0" applyFont="1" applyBorder="1" applyAlignment="1">
      <alignment horizontal="left" vertical="center"/>
    </xf>
    <xf numFmtId="0" fontId="6" fillId="0" borderId="21" xfId="0" applyFont="1" applyBorder="1">
      <alignment vertical="center"/>
    </xf>
    <xf numFmtId="0" fontId="6" fillId="0" borderId="59" xfId="0" applyFont="1" applyBorder="1">
      <alignment vertical="center"/>
    </xf>
    <xf numFmtId="0" fontId="6" fillId="0" borderId="31" xfId="0" applyFont="1" applyBorder="1" applyAlignment="1">
      <alignment horizontal="center" vertical="center" textRotation="255"/>
    </xf>
    <xf numFmtId="0" fontId="6" fillId="0" borderId="34" xfId="0" applyFont="1" applyBorder="1" applyAlignment="1">
      <alignment horizontal="center" vertical="center" textRotation="255"/>
    </xf>
    <xf numFmtId="0" fontId="6" fillId="0" borderId="31" xfId="0" applyFont="1" applyBorder="1" applyAlignment="1">
      <alignment horizontal="left" vertical="center"/>
    </xf>
    <xf numFmtId="0" fontId="6" fillId="0" borderId="46" xfId="0" applyFont="1" applyBorder="1">
      <alignment vertical="center"/>
    </xf>
    <xf numFmtId="0" fontId="9" fillId="0" borderId="0" xfId="0" applyFont="1">
      <alignment vertical="center"/>
    </xf>
    <xf numFmtId="0" fontId="6" fillId="0" borderId="35" xfId="0" applyFont="1" applyBorder="1">
      <alignment vertical="center"/>
    </xf>
    <xf numFmtId="176" fontId="6" fillId="0" borderId="0" xfId="0" applyNumberFormat="1" applyFont="1">
      <alignment vertical="center"/>
    </xf>
    <xf numFmtId="0" fontId="6" fillId="0" borderId="47" xfId="0" applyFont="1" applyBorder="1">
      <alignment vertical="center"/>
    </xf>
    <xf numFmtId="0" fontId="6" fillId="0" borderId="45" xfId="0" applyFont="1" applyBorder="1">
      <alignment vertical="center"/>
    </xf>
    <xf numFmtId="0" fontId="6" fillId="0" borderId="36" xfId="0" applyFont="1" applyBorder="1" applyAlignment="1">
      <alignment horizontal="center" vertical="center" textRotation="255"/>
    </xf>
    <xf numFmtId="0" fontId="6" fillId="0" borderId="24" xfId="0" applyFont="1" applyBorder="1">
      <alignment vertical="center"/>
    </xf>
    <xf numFmtId="0" fontId="6" fillId="0" borderId="11" xfId="0" applyFont="1" applyBorder="1" applyAlignment="1">
      <alignment horizontal="left" vertical="center"/>
    </xf>
    <xf numFmtId="0" fontId="6" fillId="0" borderId="12" xfId="0" applyFont="1" applyBorder="1" applyAlignment="1">
      <alignment horizontal="left" vertical="center"/>
    </xf>
    <xf numFmtId="0" fontId="6" fillId="0" borderId="13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10" xfId="0" applyFont="1" applyBorder="1" applyAlignment="1">
      <alignment horizontal="left" vertical="center"/>
    </xf>
    <xf numFmtId="0" fontId="6" fillId="0" borderId="51" xfId="0" applyFont="1" applyBorder="1" applyAlignment="1">
      <alignment vertical="center" wrapText="1"/>
    </xf>
    <xf numFmtId="0" fontId="7" fillId="0" borderId="52" xfId="0" applyFont="1" applyBorder="1">
      <alignment vertical="center"/>
    </xf>
    <xf numFmtId="0" fontId="7" fillId="0" borderId="53" xfId="0" applyFont="1" applyBorder="1">
      <alignment vertical="center"/>
    </xf>
    <xf numFmtId="0" fontId="7" fillId="0" borderId="54" xfId="0" applyFont="1" applyBorder="1">
      <alignment vertical="center"/>
    </xf>
    <xf numFmtId="0" fontId="7" fillId="0" borderId="55" xfId="0" applyFont="1" applyBorder="1">
      <alignment vertical="center"/>
    </xf>
    <xf numFmtId="0" fontId="7" fillId="0" borderId="56" xfId="0" applyFont="1" applyBorder="1">
      <alignment vertical="center"/>
    </xf>
    <xf numFmtId="0" fontId="6" fillId="0" borderId="11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6" fillId="0" borderId="57" xfId="0" applyFont="1" applyBorder="1" applyAlignment="1">
      <alignment horizontal="center" vertical="center"/>
    </xf>
    <xf numFmtId="0" fontId="6" fillId="0" borderId="15" xfId="0" applyFont="1" applyBorder="1" applyAlignment="1">
      <alignment horizontal="left" vertical="center"/>
    </xf>
    <xf numFmtId="0" fontId="6" fillId="0" borderId="11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center" vertical="center" wrapText="1"/>
    </xf>
    <xf numFmtId="0" fontId="6" fillId="0" borderId="28" xfId="0" applyFont="1" applyBorder="1" applyAlignment="1">
      <alignment horizontal="left" vertical="center"/>
    </xf>
    <xf numFmtId="0" fontId="6" fillId="0" borderId="29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6" fillId="0" borderId="30" xfId="0" applyFont="1" applyBorder="1" applyAlignment="1">
      <alignment horizontal="left" vertical="center"/>
    </xf>
    <xf numFmtId="0" fontId="6" fillId="0" borderId="14" xfId="0" applyFont="1" applyBorder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35" xfId="0" applyFont="1" applyBorder="1" applyAlignment="1">
      <alignment horizontal="left" vertical="center"/>
    </xf>
    <xf numFmtId="0" fontId="6" fillId="0" borderId="16" xfId="0" applyFont="1" applyBorder="1" applyAlignment="1">
      <alignment horizontal="left" vertical="center"/>
    </xf>
    <xf numFmtId="0" fontId="6" fillId="0" borderId="36" xfId="0" applyFont="1" applyBorder="1" applyAlignment="1">
      <alignment horizontal="left" vertical="center"/>
    </xf>
    <xf numFmtId="0" fontId="6" fillId="0" borderId="37" xfId="0" applyFont="1" applyBorder="1" applyAlignment="1">
      <alignment horizontal="left" vertical="center"/>
    </xf>
    <xf numFmtId="0" fontId="6" fillId="0" borderId="15" xfId="0" quotePrefix="1" applyFont="1" applyBorder="1" applyAlignment="1">
      <alignment horizontal="left" vertical="center"/>
    </xf>
    <xf numFmtId="0" fontId="6" fillId="0" borderId="30" xfId="0" quotePrefix="1" applyFont="1" applyBorder="1" applyAlignment="1">
      <alignment horizontal="left" vertical="center"/>
    </xf>
    <xf numFmtId="0" fontId="6" fillId="0" borderId="22" xfId="0" quotePrefix="1" applyFont="1" applyBorder="1" applyAlignment="1">
      <alignment horizontal="left" vertical="center"/>
    </xf>
    <xf numFmtId="0" fontId="6" fillId="0" borderId="23" xfId="0" applyFont="1" applyBorder="1" applyAlignment="1">
      <alignment horizontal="left" vertical="center"/>
    </xf>
    <xf numFmtId="0" fontId="6" fillId="0" borderId="58" xfId="0" applyFont="1" applyBorder="1" applyAlignment="1">
      <alignment horizontal="left" vertical="center" shrinkToFit="1"/>
    </xf>
    <xf numFmtId="0" fontId="6" fillId="0" borderId="4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center"/>
    </xf>
    <xf numFmtId="0" fontId="6" fillId="0" borderId="6" xfId="0" applyFont="1" applyBorder="1" applyAlignment="1">
      <alignment horizontal="left" vertical="center"/>
    </xf>
    <xf numFmtId="0" fontId="6" fillId="0" borderId="38" xfId="0" applyFont="1" applyBorder="1" applyAlignment="1">
      <alignment horizontal="left" vertical="center"/>
    </xf>
    <xf numFmtId="0" fontId="6" fillId="0" borderId="39" xfId="0" applyFont="1" applyBorder="1" applyAlignment="1">
      <alignment horizontal="left" vertical="center"/>
    </xf>
    <xf numFmtId="0" fontId="6" fillId="0" borderId="15" xfId="0" applyFont="1" applyBorder="1" applyAlignment="1">
      <alignment horizontal="left" vertical="center" shrinkToFit="1"/>
    </xf>
    <xf numFmtId="0" fontId="6" fillId="0" borderId="9" xfId="0" applyFont="1" applyBorder="1" applyAlignment="1">
      <alignment horizontal="left" vertical="center" shrinkToFit="1"/>
    </xf>
    <xf numFmtId="0" fontId="6" fillId="0" borderId="10" xfId="0" applyFont="1" applyBorder="1" applyAlignment="1">
      <alignment horizontal="left" vertical="center" shrinkToFit="1"/>
    </xf>
    <xf numFmtId="0" fontId="6" fillId="0" borderId="40" xfId="0" applyFont="1" applyBorder="1" applyAlignment="1">
      <alignment horizontal="center" vertical="center" textRotation="255"/>
    </xf>
    <xf numFmtId="0" fontId="6" fillId="0" borderId="42" xfId="0" applyFont="1" applyBorder="1" applyAlignment="1">
      <alignment horizontal="center" vertical="center" textRotation="255"/>
    </xf>
    <xf numFmtId="0" fontId="6" fillId="0" borderId="43" xfId="0" applyFont="1" applyBorder="1" applyAlignment="1">
      <alignment horizontal="center" vertical="center" textRotation="255"/>
    </xf>
    <xf numFmtId="0" fontId="6" fillId="0" borderId="41" xfId="0" applyFont="1" applyBorder="1" applyAlignment="1">
      <alignment horizontal="left" vertical="center"/>
    </xf>
    <xf numFmtId="0" fontId="6" fillId="0" borderId="48" xfId="0" applyFont="1" applyBorder="1" applyAlignment="1">
      <alignment horizontal="center" vertical="center" textRotation="255"/>
    </xf>
    <xf numFmtId="0" fontId="6" fillId="0" borderId="46" xfId="0" applyFont="1" applyBorder="1" applyAlignment="1">
      <alignment horizontal="center" vertical="center" textRotation="255"/>
    </xf>
    <xf numFmtId="0" fontId="6" fillId="0" borderId="44" xfId="0" applyFont="1" applyBorder="1" applyAlignment="1">
      <alignment horizontal="center" vertical="center" textRotation="255"/>
    </xf>
    <xf numFmtId="0" fontId="6" fillId="0" borderId="32" xfId="0" applyFont="1" applyBorder="1" applyAlignment="1">
      <alignment horizontal="center" vertical="center" textRotation="255"/>
    </xf>
    <xf numFmtId="0" fontId="6" fillId="0" borderId="34" xfId="0" applyFont="1" applyBorder="1" applyAlignment="1">
      <alignment horizontal="left" vertical="center"/>
    </xf>
    <xf numFmtId="0" fontId="6" fillId="0" borderId="12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36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 textRotation="255" wrapText="1"/>
    </xf>
    <xf numFmtId="0" fontId="6" fillId="0" borderId="17" xfId="0" applyFont="1" applyBorder="1" applyAlignment="1">
      <alignment horizontal="center" vertical="center" textRotation="255" wrapText="1"/>
    </xf>
    <xf numFmtId="0" fontId="6" fillId="0" borderId="14" xfId="0" applyFont="1" applyBorder="1" applyAlignment="1">
      <alignment horizontal="center" vertical="center" textRotation="255" wrapText="1"/>
    </xf>
    <xf numFmtId="0" fontId="6" fillId="0" borderId="19" xfId="0" applyFont="1" applyBorder="1" applyAlignment="1">
      <alignment horizontal="center" vertical="center" textRotation="255" wrapText="1"/>
    </xf>
    <xf numFmtId="0" fontId="6" fillId="0" borderId="16" xfId="0" applyFont="1" applyBorder="1" applyAlignment="1">
      <alignment horizontal="center" vertical="center" textRotation="255" wrapText="1"/>
    </xf>
    <xf numFmtId="0" fontId="6" fillId="0" borderId="20" xfId="0" applyFont="1" applyBorder="1" applyAlignment="1">
      <alignment horizontal="center" vertical="center" textRotation="255" wrapText="1"/>
    </xf>
  </cellXfs>
  <cellStyles count="3">
    <cellStyle name="桁区切り" xfId="1" builtinId="6"/>
    <cellStyle name="標準" xfId="0" builtinId="0"/>
    <cellStyle name="標準 2" xfId="2" xr:uid="{00000000-0005-0000-0000-000002000000}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67"/>
  <sheetViews>
    <sheetView tabSelected="1" view="pageBreakPreview" zoomScaleNormal="110" zoomScaleSheetLayoutView="100" zoomScalePageLayoutView="115" workbookViewId="0">
      <selection sqref="A1:C2"/>
    </sheetView>
  </sheetViews>
  <sheetFormatPr defaultColWidth="9.58203125" defaultRowHeight="10" customHeight="1" x14ac:dyDescent="0.2"/>
  <cols>
    <col min="1" max="1" width="1.58203125" style="11" customWidth="1"/>
    <col min="2" max="2" width="5.58203125" style="11" customWidth="1"/>
    <col min="3" max="3" width="13.58203125" style="11" customWidth="1"/>
    <col min="4" max="4" width="9.75" style="11" hidden="1" customWidth="1"/>
    <col min="5" max="10" width="0" style="11" hidden="1" customWidth="1"/>
    <col min="11" max="11" width="11.58203125" style="11" bestFit="1" customWidth="1"/>
    <col min="12" max="12" width="9.58203125" style="11"/>
    <col min="13" max="15" width="1.58203125" style="11" customWidth="1"/>
    <col min="16" max="16" width="16.58203125" style="11" customWidth="1"/>
    <col min="17" max="17" width="11.58203125" style="11" bestFit="1" customWidth="1"/>
    <col min="18" max="16384" width="9.58203125" style="11"/>
  </cols>
  <sheetData>
    <row r="1" spans="1:17" ht="10" customHeight="1" x14ac:dyDescent="0.2">
      <c r="A1" s="70" t="s">
        <v>158</v>
      </c>
      <c r="B1" s="71"/>
      <c r="C1" s="72"/>
      <c r="D1" s="1">
        <v>22</v>
      </c>
      <c r="E1" s="2"/>
      <c r="F1" s="3"/>
      <c r="G1" s="4"/>
      <c r="H1" s="4"/>
      <c r="I1" s="4"/>
      <c r="J1" s="4"/>
      <c r="K1" s="5" t="s">
        <v>18</v>
      </c>
      <c r="M1" s="70" t="s">
        <v>158</v>
      </c>
      <c r="N1" s="71"/>
      <c r="O1" s="71"/>
      <c r="P1" s="72"/>
      <c r="Q1" s="5" t="s">
        <v>18</v>
      </c>
    </row>
    <row r="2" spans="1:17" ht="10" customHeight="1" x14ac:dyDescent="0.2">
      <c r="A2" s="73"/>
      <c r="B2" s="74"/>
      <c r="C2" s="75"/>
      <c r="D2" s="6"/>
      <c r="E2" s="6"/>
      <c r="F2" s="6"/>
      <c r="G2" s="6"/>
      <c r="H2" s="6"/>
      <c r="I2" s="6"/>
      <c r="J2" s="6"/>
      <c r="K2" s="7" t="s">
        <v>17</v>
      </c>
      <c r="M2" s="73"/>
      <c r="N2" s="74"/>
      <c r="O2" s="74"/>
      <c r="P2" s="75"/>
      <c r="Q2" s="7" t="s">
        <v>17</v>
      </c>
    </row>
    <row r="3" spans="1:17" ht="10" customHeight="1" x14ac:dyDescent="0.2">
      <c r="A3" s="67" t="s">
        <v>0</v>
      </c>
      <c r="B3" s="68"/>
      <c r="C3" s="69"/>
      <c r="D3" s="30"/>
      <c r="E3" s="2"/>
      <c r="F3" s="2"/>
      <c r="G3" s="30"/>
      <c r="H3" s="30"/>
      <c r="I3" s="30"/>
      <c r="J3" s="30"/>
      <c r="K3" s="8" t="s">
        <v>182</v>
      </c>
      <c r="L3" s="31"/>
      <c r="M3" s="87" t="s">
        <v>19</v>
      </c>
      <c r="N3" s="88"/>
      <c r="O3" s="88"/>
      <c r="P3" s="89"/>
      <c r="Q3" s="13">
        <v>238412</v>
      </c>
    </row>
    <row r="4" spans="1:17" ht="10" customHeight="1" x14ac:dyDescent="0.2">
      <c r="A4" s="67" t="s">
        <v>1</v>
      </c>
      <c r="B4" s="68"/>
      <c r="C4" s="69"/>
      <c r="D4" s="30"/>
      <c r="E4" s="2"/>
      <c r="F4" s="2"/>
      <c r="G4" s="30"/>
      <c r="H4" s="30"/>
      <c r="I4" s="30"/>
      <c r="J4" s="30"/>
      <c r="K4" s="8" t="s">
        <v>183</v>
      </c>
      <c r="L4" s="31"/>
      <c r="M4" s="33"/>
      <c r="N4" s="90" t="s">
        <v>20</v>
      </c>
      <c r="O4" s="65"/>
      <c r="P4" s="66"/>
      <c r="Q4" s="9">
        <v>180506</v>
      </c>
    </row>
    <row r="5" spans="1:17" ht="10" customHeight="1" x14ac:dyDescent="0.2">
      <c r="A5" s="67" t="s">
        <v>2</v>
      </c>
      <c r="B5" s="68"/>
      <c r="C5" s="69"/>
      <c r="D5" s="30"/>
      <c r="E5" s="2"/>
      <c r="F5" s="2"/>
      <c r="G5" s="30"/>
      <c r="H5" s="30"/>
      <c r="I5" s="30"/>
      <c r="J5" s="30"/>
      <c r="K5" s="8" t="s">
        <v>184</v>
      </c>
      <c r="L5" s="31"/>
      <c r="M5" s="33"/>
      <c r="N5" s="34"/>
      <c r="O5" s="90" t="s">
        <v>52</v>
      </c>
      <c r="P5" s="69"/>
      <c r="Q5" s="9">
        <v>178278</v>
      </c>
    </row>
    <row r="6" spans="1:17" ht="10" customHeight="1" x14ac:dyDescent="0.2">
      <c r="A6" s="67" t="s">
        <v>3</v>
      </c>
      <c r="B6" s="68"/>
      <c r="C6" s="69"/>
      <c r="D6" s="30"/>
      <c r="E6" s="2"/>
      <c r="F6" s="2"/>
      <c r="G6" s="30"/>
      <c r="H6" s="30"/>
      <c r="I6" s="30"/>
      <c r="J6" s="30"/>
      <c r="K6" s="8" t="s">
        <v>185</v>
      </c>
      <c r="M6" s="33"/>
      <c r="N6" s="34"/>
      <c r="O6" s="35"/>
      <c r="P6" s="36" t="s">
        <v>53</v>
      </c>
      <c r="Q6" s="9">
        <v>170998</v>
      </c>
    </row>
    <row r="7" spans="1:17" ht="10" customHeight="1" x14ac:dyDescent="0.2">
      <c r="A7" s="67" t="s">
        <v>4</v>
      </c>
      <c r="B7" s="68"/>
      <c r="C7" s="69"/>
      <c r="D7" s="30"/>
      <c r="E7" s="2"/>
      <c r="F7" s="2"/>
      <c r="G7" s="30"/>
      <c r="H7" s="30"/>
      <c r="I7" s="30"/>
      <c r="J7" s="30"/>
      <c r="K7" s="9">
        <v>4302</v>
      </c>
      <c r="M7" s="33"/>
      <c r="N7" s="34"/>
      <c r="O7" s="34"/>
      <c r="P7" s="36" t="s">
        <v>54</v>
      </c>
      <c r="Q7" s="9">
        <v>7280</v>
      </c>
    </row>
    <row r="8" spans="1:17" ht="10" customHeight="1" x14ac:dyDescent="0.2">
      <c r="A8" s="67" t="s">
        <v>5</v>
      </c>
      <c r="B8" s="68"/>
      <c r="C8" s="69"/>
      <c r="D8" s="30"/>
      <c r="E8" s="2"/>
      <c r="F8" s="2"/>
      <c r="G8" s="30"/>
      <c r="H8" s="30"/>
      <c r="I8" s="30"/>
      <c r="J8" s="30"/>
      <c r="K8" s="9">
        <v>1238701</v>
      </c>
      <c r="M8" s="33"/>
      <c r="N8" s="34"/>
      <c r="O8" s="82" t="s">
        <v>21</v>
      </c>
      <c r="P8" s="69"/>
      <c r="Q8" s="9">
        <v>0</v>
      </c>
    </row>
    <row r="9" spans="1:17" ht="10" customHeight="1" x14ac:dyDescent="0.2">
      <c r="A9" s="67" t="s">
        <v>189</v>
      </c>
      <c r="B9" s="68"/>
      <c r="C9" s="69"/>
      <c r="D9" s="30"/>
      <c r="E9" s="2"/>
      <c r="F9" s="2"/>
      <c r="G9" s="30"/>
      <c r="H9" s="30"/>
      <c r="I9" s="30"/>
      <c r="J9" s="30"/>
      <c r="K9" s="9">
        <v>9951</v>
      </c>
      <c r="M9" s="33"/>
      <c r="N9" s="34"/>
      <c r="O9" s="90" t="s">
        <v>22</v>
      </c>
      <c r="P9" s="66"/>
      <c r="Q9" s="9">
        <v>2228</v>
      </c>
    </row>
    <row r="10" spans="1:17" ht="10" customHeight="1" x14ac:dyDescent="0.2">
      <c r="A10" s="67" t="s">
        <v>6</v>
      </c>
      <c r="B10" s="68"/>
      <c r="C10" s="69"/>
      <c r="D10" s="30"/>
      <c r="E10" s="2"/>
      <c r="F10" s="2"/>
      <c r="G10" s="30"/>
      <c r="H10" s="30"/>
      <c r="I10" s="30"/>
      <c r="J10" s="30"/>
      <c r="K10" s="9">
        <v>40</v>
      </c>
      <c r="M10" s="33"/>
      <c r="N10" s="34"/>
      <c r="O10" s="34"/>
      <c r="P10" s="36" t="s">
        <v>23</v>
      </c>
      <c r="Q10" s="9">
        <v>0</v>
      </c>
    </row>
    <row r="11" spans="1:17" ht="10" customHeight="1" x14ac:dyDescent="0.2">
      <c r="A11" s="67" t="s">
        <v>7</v>
      </c>
      <c r="B11" s="68"/>
      <c r="C11" s="69"/>
      <c r="D11" s="30"/>
      <c r="E11" s="2"/>
      <c r="F11" s="2"/>
      <c r="G11" s="30"/>
      <c r="H11" s="30"/>
      <c r="I11" s="30"/>
      <c r="J11" s="30"/>
      <c r="K11" s="9">
        <v>168</v>
      </c>
      <c r="M11" s="33"/>
      <c r="N11" s="34"/>
      <c r="O11" s="34"/>
      <c r="P11" s="36" t="s">
        <v>24</v>
      </c>
      <c r="Q11" s="9">
        <v>2228</v>
      </c>
    </row>
    <row r="12" spans="1:17" ht="10" customHeight="1" x14ac:dyDescent="0.2">
      <c r="A12" s="64" t="s">
        <v>8</v>
      </c>
      <c r="B12" s="65"/>
      <c r="C12" s="66"/>
      <c r="D12" s="30"/>
      <c r="E12" s="2"/>
      <c r="F12" s="2"/>
      <c r="G12" s="30"/>
      <c r="H12" s="30"/>
      <c r="I12" s="30"/>
      <c r="J12" s="30"/>
      <c r="K12" s="9">
        <v>29033</v>
      </c>
      <c r="M12" s="33"/>
      <c r="N12" s="90" t="s">
        <v>25</v>
      </c>
      <c r="O12" s="65"/>
      <c r="P12" s="66"/>
      <c r="Q12" s="9">
        <v>57906</v>
      </c>
    </row>
    <row r="13" spans="1:17" ht="10" customHeight="1" x14ac:dyDescent="0.2">
      <c r="A13" s="33"/>
      <c r="B13" s="82" t="s">
        <v>9</v>
      </c>
      <c r="C13" s="69"/>
      <c r="D13" s="30"/>
      <c r="E13" s="2"/>
      <c r="F13" s="2"/>
      <c r="G13" s="30"/>
      <c r="H13" s="30"/>
      <c r="I13" s="30"/>
      <c r="J13" s="30"/>
      <c r="K13" s="9">
        <v>16897</v>
      </c>
      <c r="M13" s="33"/>
      <c r="N13" s="34"/>
      <c r="O13" s="82" t="s">
        <v>201</v>
      </c>
      <c r="P13" s="69"/>
      <c r="Q13" s="9">
        <v>0</v>
      </c>
    </row>
    <row r="14" spans="1:17" ht="10" customHeight="1" x14ac:dyDescent="0.2">
      <c r="A14" s="38"/>
      <c r="B14" s="82" t="s">
        <v>10</v>
      </c>
      <c r="C14" s="69"/>
      <c r="D14" s="30"/>
      <c r="E14" s="2"/>
      <c r="F14" s="2"/>
      <c r="G14" s="30"/>
      <c r="H14" s="30"/>
      <c r="I14" s="30"/>
      <c r="J14" s="30"/>
      <c r="K14" s="9">
        <v>12136</v>
      </c>
      <c r="M14" s="33"/>
      <c r="N14" s="34"/>
      <c r="O14" s="82" t="s">
        <v>21</v>
      </c>
      <c r="P14" s="69"/>
      <c r="Q14" s="9">
        <v>0</v>
      </c>
    </row>
    <row r="15" spans="1:17" ht="10" customHeight="1" x14ac:dyDescent="0.2">
      <c r="A15" s="67" t="s">
        <v>11</v>
      </c>
      <c r="B15" s="68"/>
      <c r="C15" s="69"/>
      <c r="D15" s="30"/>
      <c r="E15" s="2"/>
      <c r="F15" s="2"/>
      <c r="G15" s="30"/>
      <c r="H15" s="30"/>
      <c r="I15" s="30"/>
      <c r="J15" s="30"/>
      <c r="K15" s="9">
        <v>20504</v>
      </c>
      <c r="M15" s="33"/>
      <c r="N15" s="34"/>
      <c r="O15" s="82" t="s">
        <v>26</v>
      </c>
      <c r="P15" s="69"/>
      <c r="Q15" s="9">
        <v>0</v>
      </c>
    </row>
    <row r="16" spans="1:17" ht="10" customHeight="1" x14ac:dyDescent="0.2">
      <c r="A16" s="67" t="s">
        <v>12</v>
      </c>
      <c r="B16" s="68"/>
      <c r="C16" s="69"/>
      <c r="D16" s="30"/>
      <c r="E16" s="2"/>
      <c r="F16" s="2"/>
      <c r="G16" s="30"/>
      <c r="H16" s="30"/>
      <c r="I16" s="30"/>
      <c r="J16" s="30"/>
      <c r="K16" s="9">
        <v>235788</v>
      </c>
      <c r="M16" s="33"/>
      <c r="N16" s="34"/>
      <c r="O16" s="82" t="s">
        <v>55</v>
      </c>
      <c r="P16" s="69"/>
      <c r="Q16" s="9">
        <v>0</v>
      </c>
    </row>
    <row r="17" spans="1:17" ht="10" customHeight="1" x14ac:dyDescent="0.2">
      <c r="A17" s="83" t="s">
        <v>186</v>
      </c>
      <c r="B17" s="84"/>
      <c r="C17" s="39" t="s">
        <v>187</v>
      </c>
      <c r="D17" s="30"/>
      <c r="E17" s="2"/>
      <c r="F17" s="2"/>
      <c r="G17" s="30"/>
      <c r="H17" s="30"/>
      <c r="I17" s="30"/>
      <c r="J17" s="30"/>
      <c r="K17" s="9">
        <v>13954</v>
      </c>
      <c r="M17" s="33"/>
      <c r="N17" s="34"/>
      <c r="O17" s="82" t="s">
        <v>28</v>
      </c>
      <c r="P17" s="69"/>
      <c r="Q17" s="9">
        <v>40541</v>
      </c>
    </row>
    <row r="18" spans="1:17" ht="10" customHeight="1" x14ac:dyDescent="0.2">
      <c r="A18" s="85"/>
      <c r="B18" s="86"/>
      <c r="C18" s="39" t="s">
        <v>188</v>
      </c>
      <c r="D18" s="30"/>
      <c r="E18" s="2"/>
      <c r="F18" s="2"/>
      <c r="G18" s="30"/>
      <c r="H18" s="30"/>
      <c r="I18" s="30"/>
      <c r="J18" s="30"/>
      <c r="K18" s="9">
        <v>1689</v>
      </c>
      <c r="M18" s="33"/>
      <c r="N18" s="34"/>
      <c r="O18" s="37" t="s">
        <v>56</v>
      </c>
      <c r="P18" s="29"/>
      <c r="Q18" s="9">
        <v>17353</v>
      </c>
    </row>
    <row r="19" spans="1:17" ht="10" customHeight="1" x14ac:dyDescent="0.2">
      <c r="A19" s="64" t="s">
        <v>14</v>
      </c>
      <c r="B19" s="65"/>
      <c r="C19" s="66"/>
      <c r="D19" s="30"/>
      <c r="E19" s="2"/>
      <c r="F19" s="2"/>
      <c r="G19" s="30"/>
      <c r="H19" s="30"/>
      <c r="I19" s="30"/>
      <c r="J19" s="30"/>
      <c r="K19" s="9">
        <v>0</v>
      </c>
      <c r="M19" s="33"/>
      <c r="N19" s="34"/>
      <c r="O19" s="37" t="s">
        <v>57</v>
      </c>
      <c r="P19" s="29"/>
      <c r="Q19" s="9">
        <v>0</v>
      </c>
    </row>
    <row r="20" spans="1:17" ht="10" customHeight="1" x14ac:dyDescent="0.2">
      <c r="A20" s="33"/>
      <c r="B20" s="82" t="s">
        <v>15</v>
      </c>
      <c r="C20" s="69"/>
      <c r="D20" s="30"/>
      <c r="E20" s="2"/>
      <c r="F20" s="2"/>
      <c r="G20" s="30"/>
      <c r="H20" s="30"/>
      <c r="I20" s="30"/>
      <c r="J20" s="30"/>
      <c r="K20" s="9">
        <v>0</v>
      </c>
      <c r="M20" s="33"/>
      <c r="N20" s="34"/>
      <c r="O20" s="82" t="s">
        <v>29</v>
      </c>
      <c r="P20" s="69"/>
      <c r="Q20" s="9">
        <v>12</v>
      </c>
    </row>
    <row r="21" spans="1:17" ht="10" customHeight="1" x14ac:dyDescent="0.2">
      <c r="A21" s="38"/>
      <c r="B21" s="82" t="s">
        <v>16</v>
      </c>
      <c r="C21" s="69"/>
      <c r="D21" s="40"/>
      <c r="E21" s="41"/>
      <c r="F21" s="41"/>
      <c r="G21" s="40"/>
      <c r="H21" s="40"/>
      <c r="I21" s="40"/>
      <c r="J21" s="40"/>
      <c r="K21" s="9">
        <v>0</v>
      </c>
      <c r="M21" s="33"/>
      <c r="N21" s="90" t="s">
        <v>30</v>
      </c>
      <c r="O21" s="65"/>
      <c r="P21" s="66"/>
      <c r="Q21" s="9">
        <v>0</v>
      </c>
    </row>
    <row r="22" spans="1:17" ht="10" customHeight="1" x14ac:dyDescent="0.2">
      <c r="A22" s="76" t="s">
        <v>165</v>
      </c>
      <c r="B22" s="77"/>
      <c r="C22" s="42" t="s">
        <v>166</v>
      </c>
      <c r="D22" s="43"/>
      <c r="E22" s="43"/>
      <c r="F22" s="43"/>
      <c r="G22" s="43"/>
      <c r="H22" s="43"/>
      <c r="I22" s="43"/>
      <c r="J22" s="43"/>
      <c r="K22" s="22">
        <v>99.375599183026964</v>
      </c>
      <c r="M22" s="33"/>
      <c r="N22" s="34"/>
      <c r="O22" s="82" t="s">
        <v>31</v>
      </c>
      <c r="P22" s="69"/>
      <c r="Q22" s="9">
        <v>0</v>
      </c>
    </row>
    <row r="23" spans="1:17" ht="10" customHeight="1" x14ac:dyDescent="0.2">
      <c r="A23" s="78"/>
      <c r="B23" s="79"/>
      <c r="C23" s="44" t="s">
        <v>167</v>
      </c>
      <c r="D23" s="45"/>
      <c r="E23" s="45"/>
      <c r="F23" s="45"/>
      <c r="G23" s="45"/>
      <c r="H23" s="45"/>
      <c r="I23" s="45"/>
      <c r="J23" s="45"/>
      <c r="K23" s="23">
        <v>99.375599183026964</v>
      </c>
      <c r="M23" s="33"/>
      <c r="N23" s="34"/>
      <c r="O23" s="82" t="s">
        <v>32</v>
      </c>
      <c r="P23" s="69"/>
      <c r="Q23" s="9">
        <v>0</v>
      </c>
    </row>
    <row r="24" spans="1:17" ht="10" customHeight="1" x14ac:dyDescent="0.2">
      <c r="A24" s="78"/>
      <c r="B24" s="79"/>
      <c r="C24" s="44" t="s">
        <v>168</v>
      </c>
      <c r="D24" s="45"/>
      <c r="E24" s="45"/>
      <c r="F24" s="45"/>
      <c r="G24" s="45"/>
      <c r="H24" s="45"/>
      <c r="I24" s="45"/>
      <c r="J24" s="45"/>
      <c r="K24" s="46">
        <v>76.595618282193485</v>
      </c>
      <c r="M24" s="38"/>
      <c r="N24" s="42"/>
      <c r="O24" s="82" t="s">
        <v>24</v>
      </c>
      <c r="P24" s="69"/>
      <c r="Q24" s="9">
        <v>0</v>
      </c>
    </row>
    <row r="25" spans="1:17" ht="10" customHeight="1" x14ac:dyDescent="0.2">
      <c r="A25" s="80"/>
      <c r="B25" s="81"/>
      <c r="C25" s="47" t="s">
        <v>169</v>
      </c>
      <c r="D25" s="48"/>
      <c r="E25" s="48"/>
      <c r="F25" s="48"/>
      <c r="G25" s="48"/>
      <c r="H25" s="48"/>
      <c r="I25" s="48"/>
      <c r="J25" s="48"/>
      <c r="K25" s="49">
        <v>59.524337141147669</v>
      </c>
      <c r="M25" s="91" t="s">
        <v>33</v>
      </c>
      <c r="N25" s="92"/>
      <c r="O25" s="92"/>
      <c r="P25" s="93"/>
      <c r="Q25" s="9">
        <v>239910</v>
      </c>
    </row>
    <row r="26" spans="1:17" ht="10" customHeight="1" x14ac:dyDescent="0.2">
      <c r="M26" s="33"/>
      <c r="N26" s="90" t="s">
        <v>34</v>
      </c>
      <c r="O26" s="65"/>
      <c r="P26" s="66"/>
      <c r="Q26" s="9">
        <v>235661</v>
      </c>
    </row>
    <row r="27" spans="1:17" ht="10" customHeight="1" x14ac:dyDescent="0.2">
      <c r="M27" s="33"/>
      <c r="N27" s="34"/>
      <c r="O27" s="82" t="s">
        <v>58</v>
      </c>
      <c r="P27" s="69"/>
      <c r="Q27" s="9">
        <v>215713</v>
      </c>
    </row>
    <row r="28" spans="1:17" ht="10" customHeight="1" x14ac:dyDescent="0.2">
      <c r="M28" s="33"/>
      <c r="N28" s="34"/>
      <c r="O28" s="82" t="s">
        <v>35</v>
      </c>
      <c r="P28" s="69"/>
      <c r="Q28" s="9">
        <v>0</v>
      </c>
    </row>
    <row r="29" spans="1:17" ht="10" customHeight="1" x14ac:dyDescent="0.2">
      <c r="L29" s="31"/>
      <c r="M29" s="33"/>
      <c r="N29" s="34"/>
      <c r="O29" s="82" t="s">
        <v>36</v>
      </c>
      <c r="P29" s="69"/>
      <c r="Q29" s="9">
        <v>19948</v>
      </c>
    </row>
    <row r="30" spans="1:17" ht="10" customHeight="1" x14ac:dyDescent="0.2">
      <c r="M30" s="33"/>
      <c r="N30" s="34"/>
      <c r="O30" s="82" t="s">
        <v>37</v>
      </c>
      <c r="P30" s="69"/>
      <c r="Q30" s="9">
        <v>0</v>
      </c>
    </row>
    <row r="31" spans="1:17" ht="10" customHeight="1" x14ac:dyDescent="0.2">
      <c r="M31" s="33"/>
      <c r="N31" s="34"/>
      <c r="O31" s="82" t="s">
        <v>38</v>
      </c>
      <c r="P31" s="69"/>
      <c r="Q31" s="9">
        <v>0</v>
      </c>
    </row>
    <row r="32" spans="1:17" ht="10" customHeight="1" x14ac:dyDescent="0.2">
      <c r="M32" s="33"/>
      <c r="N32" s="90" t="s">
        <v>39</v>
      </c>
      <c r="O32" s="65"/>
      <c r="P32" s="66"/>
      <c r="Q32" s="9">
        <v>4249</v>
      </c>
    </row>
    <row r="33" spans="13:17" ht="10" customHeight="1" x14ac:dyDescent="0.2">
      <c r="M33" s="33"/>
      <c r="N33" s="34"/>
      <c r="O33" s="82" t="s">
        <v>40</v>
      </c>
      <c r="P33" s="69"/>
      <c r="Q33" s="9">
        <v>541</v>
      </c>
    </row>
    <row r="34" spans="13:17" ht="10" customHeight="1" x14ac:dyDescent="0.2">
      <c r="M34" s="33"/>
      <c r="N34" s="34"/>
      <c r="O34" s="82" t="s">
        <v>41</v>
      </c>
      <c r="P34" s="69"/>
      <c r="Q34" s="9">
        <v>0</v>
      </c>
    </row>
    <row r="35" spans="13:17" ht="10" customHeight="1" x14ac:dyDescent="0.2">
      <c r="M35" s="33"/>
      <c r="N35" s="34"/>
      <c r="O35" s="82" t="s">
        <v>35</v>
      </c>
      <c r="P35" s="69"/>
      <c r="Q35" s="9">
        <v>0</v>
      </c>
    </row>
    <row r="36" spans="13:17" ht="10" customHeight="1" x14ac:dyDescent="0.2">
      <c r="M36" s="33"/>
      <c r="N36" s="34"/>
      <c r="O36" s="82" t="s">
        <v>42</v>
      </c>
      <c r="P36" s="69"/>
      <c r="Q36" s="9">
        <v>0</v>
      </c>
    </row>
    <row r="37" spans="13:17" ht="10" customHeight="1" x14ac:dyDescent="0.2">
      <c r="M37" s="33"/>
      <c r="N37" s="34"/>
      <c r="O37" s="82" t="s">
        <v>43</v>
      </c>
      <c r="P37" s="69"/>
      <c r="Q37" s="9">
        <v>3708</v>
      </c>
    </row>
    <row r="38" spans="13:17" ht="10" customHeight="1" x14ac:dyDescent="0.2">
      <c r="M38" s="33"/>
      <c r="N38" s="90" t="s">
        <v>44</v>
      </c>
      <c r="O38" s="65"/>
      <c r="P38" s="66"/>
      <c r="Q38" s="9">
        <v>0</v>
      </c>
    </row>
    <row r="39" spans="13:17" ht="10" customHeight="1" x14ac:dyDescent="0.2">
      <c r="M39" s="33"/>
      <c r="N39" s="34"/>
      <c r="O39" s="82" t="s">
        <v>45</v>
      </c>
      <c r="P39" s="69"/>
      <c r="Q39" s="9">
        <v>0</v>
      </c>
    </row>
    <row r="40" spans="13:17" ht="10" customHeight="1" x14ac:dyDescent="0.2">
      <c r="M40" s="33"/>
      <c r="N40" s="34"/>
      <c r="O40" s="90" t="s">
        <v>24</v>
      </c>
      <c r="P40" s="66"/>
      <c r="Q40" s="9">
        <v>0</v>
      </c>
    </row>
    <row r="41" spans="13:17" ht="10" customHeight="1" x14ac:dyDescent="0.2">
      <c r="M41" s="67" t="s">
        <v>46</v>
      </c>
      <c r="N41" s="68"/>
      <c r="O41" s="68"/>
      <c r="P41" s="69"/>
      <c r="Q41" s="9">
        <v>0</v>
      </c>
    </row>
    <row r="42" spans="13:17" ht="10" customHeight="1" x14ac:dyDescent="0.2">
      <c r="M42" s="67" t="s">
        <v>190</v>
      </c>
      <c r="N42" s="68"/>
      <c r="O42" s="68"/>
      <c r="P42" s="69"/>
      <c r="Q42" s="24">
        <v>1498</v>
      </c>
    </row>
    <row r="43" spans="13:17" ht="10" customHeight="1" x14ac:dyDescent="0.2">
      <c r="M43" s="94" t="s">
        <v>47</v>
      </c>
      <c r="N43" s="95"/>
      <c r="O43" s="95"/>
      <c r="P43" s="96"/>
      <c r="Q43" s="9">
        <v>0</v>
      </c>
    </row>
    <row r="44" spans="13:17" ht="10" customHeight="1" x14ac:dyDescent="0.2">
      <c r="M44" s="64" t="s">
        <v>191</v>
      </c>
      <c r="N44" s="65"/>
      <c r="O44" s="65"/>
      <c r="P44" s="66"/>
      <c r="Q44" s="24">
        <v>1498</v>
      </c>
    </row>
    <row r="45" spans="13:17" ht="10" customHeight="1" x14ac:dyDescent="0.2">
      <c r="M45" s="67" t="s">
        <v>48</v>
      </c>
      <c r="N45" s="68"/>
      <c r="O45" s="68"/>
      <c r="P45" s="69"/>
      <c r="Q45" s="19">
        <v>-105947</v>
      </c>
    </row>
    <row r="46" spans="13:17" ht="10" customHeight="1" x14ac:dyDescent="0.2">
      <c r="M46" s="27" t="s">
        <v>59</v>
      </c>
      <c r="N46" s="28"/>
      <c r="O46" s="28"/>
      <c r="P46" s="29"/>
      <c r="Q46" s="9">
        <v>0</v>
      </c>
    </row>
    <row r="47" spans="13:17" ht="10" customHeight="1" x14ac:dyDescent="0.2">
      <c r="M47" s="67" t="s">
        <v>49</v>
      </c>
      <c r="N47" s="68"/>
      <c r="O47" s="68"/>
      <c r="P47" s="69"/>
      <c r="Q47" s="19">
        <v>-107445</v>
      </c>
    </row>
    <row r="48" spans="13:17" ht="10" customHeight="1" x14ac:dyDescent="0.2">
      <c r="M48" s="94" t="s">
        <v>50</v>
      </c>
      <c r="N48" s="95"/>
      <c r="O48" s="95"/>
      <c r="P48" s="96"/>
      <c r="Q48" s="9">
        <v>0</v>
      </c>
    </row>
    <row r="49" spans="13:17" ht="10" customHeight="1" x14ac:dyDescent="0.2">
      <c r="M49" s="67" t="s">
        <v>51</v>
      </c>
      <c r="N49" s="68"/>
      <c r="O49" s="68"/>
      <c r="P49" s="69"/>
      <c r="Q49" s="9">
        <v>0</v>
      </c>
    </row>
    <row r="50" spans="13:17" ht="10" customHeight="1" x14ac:dyDescent="0.2">
      <c r="M50" s="64" t="s">
        <v>60</v>
      </c>
      <c r="N50" s="65"/>
      <c r="O50" s="65"/>
      <c r="P50" s="66"/>
      <c r="Q50" s="9">
        <v>40541</v>
      </c>
    </row>
    <row r="51" spans="13:17" ht="10" customHeight="1" x14ac:dyDescent="0.2">
      <c r="M51" s="33"/>
      <c r="N51" s="97" t="s">
        <v>61</v>
      </c>
      <c r="O51" s="68"/>
      <c r="P51" s="69"/>
      <c r="Q51" s="9">
        <v>0</v>
      </c>
    </row>
    <row r="52" spans="13:17" ht="10" customHeight="1" x14ac:dyDescent="0.2">
      <c r="M52" s="33"/>
      <c r="N52" s="98" t="s">
        <v>62</v>
      </c>
      <c r="O52" s="65"/>
      <c r="P52" s="66"/>
      <c r="Q52" s="9">
        <v>40541</v>
      </c>
    </row>
    <row r="53" spans="13:17" ht="10" customHeight="1" x14ac:dyDescent="0.2">
      <c r="M53" s="33"/>
      <c r="N53" s="34"/>
      <c r="O53" s="97" t="s">
        <v>63</v>
      </c>
      <c r="P53" s="69"/>
      <c r="Q53" s="9">
        <v>0</v>
      </c>
    </row>
    <row r="54" spans="13:17" ht="10" customHeight="1" x14ac:dyDescent="0.2">
      <c r="M54" s="51"/>
      <c r="N54" s="52"/>
      <c r="O54" s="99" t="s">
        <v>64</v>
      </c>
      <c r="P54" s="100"/>
      <c r="Q54" s="10">
        <v>40541</v>
      </c>
    </row>
    <row r="55" spans="13:17" ht="10" customHeight="1" x14ac:dyDescent="0.2">
      <c r="Q55" s="14"/>
    </row>
    <row r="56" spans="13:17" ht="10" customHeight="1" x14ac:dyDescent="0.2">
      <c r="M56" s="101" t="s">
        <v>178</v>
      </c>
      <c r="N56" s="101"/>
      <c r="O56" s="101"/>
      <c r="P56" s="101"/>
    </row>
    <row r="57" spans="13:17" ht="10" customHeight="1" x14ac:dyDescent="0.2">
      <c r="M57" s="102" t="s">
        <v>179</v>
      </c>
      <c r="N57" s="103"/>
      <c r="O57" s="103"/>
      <c r="P57" s="104"/>
      <c r="Q57" s="20">
        <v>-5662</v>
      </c>
    </row>
    <row r="58" spans="13:17" ht="10" customHeight="1" x14ac:dyDescent="0.2">
      <c r="M58" s="67" t="s">
        <v>180</v>
      </c>
      <c r="N58" s="68"/>
      <c r="O58" s="68"/>
      <c r="P58" s="69"/>
      <c r="Q58" s="19">
        <v>-87800</v>
      </c>
    </row>
    <row r="59" spans="13:17" ht="10" customHeight="1" x14ac:dyDescent="0.2">
      <c r="M59" s="67" t="s">
        <v>181</v>
      </c>
      <c r="N59" s="68"/>
      <c r="O59" s="68"/>
      <c r="P59" s="69"/>
      <c r="Q59" s="9">
        <v>17501</v>
      </c>
    </row>
    <row r="60" spans="13:17" ht="10" customHeight="1" x14ac:dyDescent="0.2">
      <c r="M60" s="67" t="s">
        <v>65</v>
      </c>
      <c r="N60" s="68"/>
      <c r="O60" s="68"/>
      <c r="P60" s="69"/>
      <c r="Q60" s="9">
        <v>0</v>
      </c>
    </row>
    <row r="61" spans="13:17" ht="10" customHeight="1" x14ac:dyDescent="0.2">
      <c r="M61" s="67" t="s">
        <v>66</v>
      </c>
      <c r="N61" s="68"/>
      <c r="O61" s="68"/>
      <c r="P61" s="69"/>
      <c r="Q61" s="19">
        <v>-75961</v>
      </c>
    </row>
    <row r="62" spans="13:17" ht="10" customHeight="1" x14ac:dyDescent="0.2">
      <c r="M62" s="67" t="s">
        <v>67</v>
      </c>
      <c r="N62" s="68"/>
      <c r="O62" s="68"/>
      <c r="P62" s="69"/>
      <c r="Q62" s="9">
        <v>108022</v>
      </c>
    </row>
    <row r="63" spans="13:17" ht="10" customHeight="1" x14ac:dyDescent="0.2">
      <c r="M63" s="105" t="s">
        <v>68</v>
      </c>
      <c r="N63" s="106"/>
      <c r="O63" s="106"/>
      <c r="P63" s="100"/>
      <c r="Q63" s="10">
        <v>32061</v>
      </c>
    </row>
    <row r="64" spans="13:17" ht="10" customHeight="1" x14ac:dyDescent="0.2">
      <c r="Q64" s="14"/>
    </row>
    <row r="65" spans="12:17" ht="10" customHeight="1" x14ac:dyDescent="0.2">
      <c r="L65" s="31"/>
      <c r="Q65" s="14"/>
    </row>
    <row r="66" spans="12:17" ht="10" customHeight="1" x14ac:dyDescent="0.2">
      <c r="Q66" s="14"/>
    </row>
    <row r="67" spans="12:17" ht="10" customHeight="1" x14ac:dyDescent="0.2">
      <c r="Q67" s="21"/>
    </row>
  </sheetData>
  <mergeCells count="74">
    <mergeCell ref="O54:P54"/>
    <mergeCell ref="M56:P56"/>
    <mergeCell ref="M57:P57"/>
    <mergeCell ref="M63:P63"/>
    <mergeCell ref="M58:P58"/>
    <mergeCell ref="M59:P59"/>
    <mergeCell ref="M60:P60"/>
    <mergeCell ref="M61:P61"/>
    <mergeCell ref="M62:P62"/>
    <mergeCell ref="M49:P49"/>
    <mergeCell ref="M50:P50"/>
    <mergeCell ref="N51:P51"/>
    <mergeCell ref="N52:P52"/>
    <mergeCell ref="O53:P53"/>
    <mergeCell ref="M43:P43"/>
    <mergeCell ref="M44:P44"/>
    <mergeCell ref="M45:P45"/>
    <mergeCell ref="M47:P47"/>
    <mergeCell ref="M48:P48"/>
    <mergeCell ref="N38:P38"/>
    <mergeCell ref="O39:P39"/>
    <mergeCell ref="O40:P40"/>
    <mergeCell ref="M41:P41"/>
    <mergeCell ref="M42:P42"/>
    <mergeCell ref="O33:P33"/>
    <mergeCell ref="O34:P34"/>
    <mergeCell ref="O35:P35"/>
    <mergeCell ref="O36:P36"/>
    <mergeCell ref="O37:P37"/>
    <mergeCell ref="O28:P28"/>
    <mergeCell ref="O29:P29"/>
    <mergeCell ref="O30:P30"/>
    <mergeCell ref="O31:P31"/>
    <mergeCell ref="N32:P32"/>
    <mergeCell ref="O23:P23"/>
    <mergeCell ref="O24:P24"/>
    <mergeCell ref="M25:P25"/>
    <mergeCell ref="N26:P26"/>
    <mergeCell ref="O27:P27"/>
    <mergeCell ref="O16:P16"/>
    <mergeCell ref="O17:P17"/>
    <mergeCell ref="O20:P20"/>
    <mergeCell ref="N21:P21"/>
    <mergeCell ref="O22:P22"/>
    <mergeCell ref="O9:P9"/>
    <mergeCell ref="N12:P12"/>
    <mergeCell ref="O13:P13"/>
    <mergeCell ref="O14:P14"/>
    <mergeCell ref="O15:P15"/>
    <mergeCell ref="M1:P2"/>
    <mergeCell ref="M3:P3"/>
    <mergeCell ref="N4:P4"/>
    <mergeCell ref="O5:P5"/>
    <mergeCell ref="O8:P8"/>
    <mergeCell ref="A22:B25"/>
    <mergeCell ref="A19:C19"/>
    <mergeCell ref="B20:C20"/>
    <mergeCell ref="B21:C21"/>
    <mergeCell ref="B13:C13"/>
    <mergeCell ref="B14:C14"/>
    <mergeCell ref="A15:C15"/>
    <mergeCell ref="A16:C16"/>
    <mergeCell ref="A17:B18"/>
    <mergeCell ref="A1:C2"/>
    <mergeCell ref="A7:C7"/>
    <mergeCell ref="A8:C8"/>
    <mergeCell ref="A9:C9"/>
    <mergeCell ref="A10:C10"/>
    <mergeCell ref="A12:C12"/>
    <mergeCell ref="A3:C3"/>
    <mergeCell ref="A4:C4"/>
    <mergeCell ref="A5:C5"/>
    <mergeCell ref="A6:C6"/>
    <mergeCell ref="A11:C11"/>
  </mergeCells>
  <phoneticPr fontId="2"/>
  <conditionalFormatting sqref="K3:K21 Q3:Q54">
    <cfRule type="cellIs" dxfId="3" priority="4" stopIfTrue="1" operator="equal">
      <formula>0</formula>
    </cfRule>
  </conditionalFormatting>
  <conditionalFormatting sqref="Q56:Q63">
    <cfRule type="cellIs" dxfId="2" priority="1" stopIfTrue="1" operator="equal">
      <formula>0</formula>
    </cfRule>
  </conditionalFormatting>
  <pageMargins left="0.78740157480314965" right="0.78740157480314965" top="1.6141732283464567" bottom="0.78740157480314965" header="0.51181102362204722" footer="0.51181102362204722"/>
  <pageSetup paperSize="9" firstPageNumber="269" orientation="portrait" useFirstPageNumber="1" r:id="rId1"/>
  <headerFooter scaleWithDoc="0">
    <oddHeader>&amp;L&amp;"ＭＳ ゴシック,標準"Ⅳ　令和６年度地方公営企業事業別決算状況
　１０　休養宿泊事業
　　（１）法適用事業
&amp;A&amp;C&amp;"ＭＳ ゴシック,標準"
                   イ　損益計算書　　</oddHeader>
    <oddFooter>&amp;C&amp;"ＭＳ ゴシック,標準"&amp;9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R73"/>
  <sheetViews>
    <sheetView view="pageBreakPreview" zoomScaleNormal="120" zoomScaleSheetLayoutView="100" workbookViewId="0">
      <selection sqref="A1:F2"/>
    </sheetView>
  </sheetViews>
  <sheetFormatPr defaultColWidth="9.58203125" defaultRowHeight="10" customHeight="1" x14ac:dyDescent="0.2"/>
  <cols>
    <col min="1" max="5" width="1.58203125" style="11" customWidth="1"/>
    <col min="6" max="6" width="14.58203125" style="11" customWidth="1"/>
    <col min="7" max="10" width="0" style="11" hidden="1" customWidth="1"/>
    <col min="11" max="11" width="11.58203125" style="11" bestFit="1" customWidth="1"/>
    <col min="12" max="12" width="9.58203125" style="11"/>
    <col min="13" max="16" width="1.58203125" style="11" customWidth="1"/>
    <col min="17" max="17" width="15.58203125" style="11" customWidth="1"/>
    <col min="18" max="16384" width="9.58203125" style="11"/>
  </cols>
  <sheetData>
    <row r="1" spans="1:18" ht="10" customHeight="1" x14ac:dyDescent="0.2">
      <c r="A1" s="70" t="s">
        <v>158</v>
      </c>
      <c r="B1" s="71"/>
      <c r="C1" s="71"/>
      <c r="D1" s="71"/>
      <c r="E1" s="71"/>
      <c r="F1" s="72"/>
      <c r="G1" s="4"/>
      <c r="H1" s="4"/>
      <c r="I1" s="4"/>
      <c r="J1" s="4"/>
      <c r="K1" s="15" t="s">
        <v>18</v>
      </c>
      <c r="M1" s="70" t="s">
        <v>158</v>
      </c>
      <c r="N1" s="71"/>
      <c r="O1" s="71"/>
      <c r="P1" s="71"/>
      <c r="Q1" s="72"/>
      <c r="R1" s="15" t="s">
        <v>18</v>
      </c>
    </row>
    <row r="2" spans="1:18" ht="10" customHeight="1" x14ac:dyDescent="0.2">
      <c r="A2" s="73"/>
      <c r="B2" s="74"/>
      <c r="C2" s="74"/>
      <c r="D2" s="74"/>
      <c r="E2" s="74"/>
      <c r="F2" s="75"/>
      <c r="G2" s="12"/>
      <c r="H2" s="12"/>
      <c r="I2" s="12"/>
      <c r="J2" s="12"/>
      <c r="K2" s="16" t="s">
        <v>17</v>
      </c>
      <c r="M2" s="73"/>
      <c r="N2" s="74"/>
      <c r="O2" s="74"/>
      <c r="P2" s="74"/>
      <c r="Q2" s="75"/>
      <c r="R2" s="16" t="s">
        <v>17</v>
      </c>
    </row>
    <row r="3" spans="1:18" ht="10" customHeight="1" x14ac:dyDescent="0.2">
      <c r="A3" s="110" t="s">
        <v>102</v>
      </c>
      <c r="B3" s="113" t="s">
        <v>69</v>
      </c>
      <c r="C3" s="88"/>
      <c r="D3" s="88"/>
      <c r="E3" s="88"/>
      <c r="F3" s="89"/>
      <c r="G3" s="32"/>
      <c r="H3" s="32"/>
      <c r="I3" s="32"/>
      <c r="J3" s="32"/>
      <c r="K3" s="13">
        <v>598231</v>
      </c>
      <c r="M3" s="110" t="s">
        <v>122</v>
      </c>
      <c r="N3" s="113" t="s">
        <v>123</v>
      </c>
      <c r="O3" s="88"/>
      <c r="P3" s="88"/>
      <c r="Q3" s="89"/>
      <c r="R3" s="13">
        <v>17500</v>
      </c>
    </row>
    <row r="4" spans="1:18" ht="10" customHeight="1" x14ac:dyDescent="0.2">
      <c r="A4" s="111"/>
      <c r="B4" s="34"/>
      <c r="C4" s="90" t="s">
        <v>70</v>
      </c>
      <c r="D4" s="65"/>
      <c r="E4" s="65"/>
      <c r="F4" s="66"/>
      <c r="G4" s="50"/>
      <c r="H4" s="50"/>
      <c r="I4" s="50"/>
      <c r="J4" s="50"/>
      <c r="K4" s="9">
        <v>598231</v>
      </c>
      <c r="M4" s="111"/>
      <c r="N4" s="53"/>
      <c r="O4" s="82" t="s">
        <v>124</v>
      </c>
      <c r="P4" s="68"/>
      <c r="Q4" s="69"/>
      <c r="R4" s="9">
        <v>17500</v>
      </c>
    </row>
    <row r="5" spans="1:18" ht="10" customHeight="1" x14ac:dyDescent="0.2">
      <c r="A5" s="111"/>
      <c r="B5" s="34"/>
      <c r="C5" s="34"/>
      <c r="D5" s="82" t="s">
        <v>71</v>
      </c>
      <c r="E5" s="68"/>
      <c r="F5" s="69"/>
      <c r="G5" s="50"/>
      <c r="H5" s="50"/>
      <c r="I5" s="50"/>
      <c r="J5" s="50"/>
      <c r="K5" s="9">
        <v>0</v>
      </c>
      <c r="M5" s="111"/>
      <c r="N5" s="54"/>
      <c r="O5" s="82" t="s">
        <v>13</v>
      </c>
      <c r="P5" s="68"/>
      <c r="Q5" s="69"/>
      <c r="R5" s="9">
        <v>0</v>
      </c>
    </row>
    <row r="6" spans="1:18" ht="10" customHeight="1" x14ac:dyDescent="0.2">
      <c r="A6" s="111"/>
      <c r="B6" s="34"/>
      <c r="C6" s="34"/>
      <c r="D6" s="82" t="s">
        <v>72</v>
      </c>
      <c r="E6" s="68"/>
      <c r="F6" s="69"/>
      <c r="G6" s="50"/>
      <c r="H6" s="50"/>
      <c r="I6" s="50"/>
      <c r="J6" s="50"/>
      <c r="K6" s="9">
        <v>1723633</v>
      </c>
      <c r="M6" s="111"/>
      <c r="N6" s="82" t="s">
        <v>125</v>
      </c>
      <c r="O6" s="68"/>
      <c r="P6" s="68"/>
      <c r="Q6" s="69"/>
      <c r="R6" s="9">
        <v>0</v>
      </c>
    </row>
    <row r="7" spans="1:18" ht="10" customHeight="1" x14ac:dyDescent="0.2">
      <c r="A7" s="111"/>
      <c r="B7" s="34"/>
      <c r="C7" s="34"/>
      <c r="D7" s="37" t="s">
        <v>103</v>
      </c>
      <c r="E7" s="28"/>
      <c r="F7" s="29"/>
      <c r="G7" s="50"/>
      <c r="H7" s="50"/>
      <c r="I7" s="50"/>
      <c r="J7" s="50"/>
      <c r="K7" s="9">
        <v>0</v>
      </c>
      <c r="M7" s="111"/>
      <c r="N7" s="82" t="s">
        <v>126</v>
      </c>
      <c r="O7" s="68"/>
      <c r="P7" s="68"/>
      <c r="Q7" s="69"/>
      <c r="R7" s="9">
        <v>0</v>
      </c>
    </row>
    <row r="8" spans="1:18" ht="10" customHeight="1" x14ac:dyDescent="0.2">
      <c r="A8" s="111"/>
      <c r="B8" s="34"/>
      <c r="C8" s="34"/>
      <c r="D8" s="82" t="s">
        <v>192</v>
      </c>
      <c r="E8" s="68"/>
      <c r="F8" s="69"/>
      <c r="G8" s="50"/>
      <c r="H8" s="50"/>
      <c r="I8" s="50"/>
      <c r="J8" s="50"/>
      <c r="K8" s="24">
        <v>1125402</v>
      </c>
      <c r="M8" s="111"/>
      <c r="N8" s="82" t="s">
        <v>127</v>
      </c>
      <c r="O8" s="68"/>
      <c r="P8" s="68"/>
      <c r="Q8" s="69"/>
      <c r="R8" s="9">
        <v>0</v>
      </c>
    </row>
    <row r="9" spans="1:18" ht="10" customHeight="1" x14ac:dyDescent="0.2">
      <c r="A9" s="111"/>
      <c r="B9" s="34"/>
      <c r="C9" s="34"/>
      <c r="D9" s="107" t="s">
        <v>193</v>
      </c>
      <c r="E9" s="108"/>
      <c r="F9" s="109"/>
      <c r="G9" s="50"/>
      <c r="H9" s="50"/>
      <c r="I9" s="50"/>
      <c r="J9" s="50"/>
      <c r="K9" s="24">
        <v>0</v>
      </c>
      <c r="M9" s="111"/>
      <c r="N9" s="82" t="s">
        <v>128</v>
      </c>
      <c r="O9" s="68"/>
      <c r="P9" s="68"/>
      <c r="Q9" s="69"/>
      <c r="R9" s="9">
        <v>17673</v>
      </c>
    </row>
    <row r="10" spans="1:18" ht="10" customHeight="1" x14ac:dyDescent="0.2">
      <c r="A10" s="111"/>
      <c r="B10" s="34"/>
      <c r="C10" s="34"/>
      <c r="D10" s="82" t="s">
        <v>73</v>
      </c>
      <c r="E10" s="68"/>
      <c r="F10" s="69"/>
      <c r="G10" s="50"/>
      <c r="H10" s="50"/>
      <c r="I10" s="50"/>
      <c r="J10" s="50"/>
      <c r="K10" s="9">
        <v>0</v>
      </c>
      <c r="M10" s="111"/>
      <c r="N10" s="82" t="s">
        <v>129</v>
      </c>
      <c r="O10" s="68"/>
      <c r="P10" s="68"/>
      <c r="Q10" s="69"/>
      <c r="R10" s="9">
        <v>0</v>
      </c>
    </row>
    <row r="11" spans="1:18" ht="10" customHeight="1" x14ac:dyDescent="0.2">
      <c r="A11" s="111"/>
      <c r="B11" s="34"/>
      <c r="C11" s="42"/>
      <c r="D11" s="82" t="s">
        <v>24</v>
      </c>
      <c r="E11" s="68"/>
      <c r="F11" s="69"/>
      <c r="G11" s="50"/>
      <c r="H11" s="50"/>
      <c r="I11" s="50"/>
      <c r="J11" s="50"/>
      <c r="K11" s="9">
        <v>0</v>
      </c>
      <c r="M11" s="111"/>
      <c r="N11" s="92" t="s">
        <v>130</v>
      </c>
      <c r="O11" s="92"/>
      <c r="P11" s="92"/>
      <c r="Q11" s="93"/>
      <c r="R11" s="9">
        <v>0</v>
      </c>
    </row>
    <row r="12" spans="1:18" ht="10" customHeight="1" x14ac:dyDescent="0.2">
      <c r="A12" s="111"/>
      <c r="B12" s="34"/>
      <c r="C12" s="82" t="s">
        <v>74</v>
      </c>
      <c r="D12" s="68"/>
      <c r="E12" s="68"/>
      <c r="F12" s="69"/>
      <c r="G12" s="50"/>
      <c r="H12" s="50"/>
      <c r="I12" s="50"/>
      <c r="J12" s="50"/>
      <c r="K12" s="9">
        <v>0</v>
      </c>
      <c r="M12" s="111"/>
      <c r="N12" s="82" t="s">
        <v>27</v>
      </c>
      <c r="O12" s="68"/>
      <c r="P12" s="68"/>
      <c r="Q12" s="69"/>
      <c r="R12" s="9">
        <v>82400</v>
      </c>
    </row>
    <row r="13" spans="1:18" ht="10" customHeight="1" x14ac:dyDescent="0.2">
      <c r="A13" s="111"/>
      <c r="B13" s="42"/>
      <c r="C13" s="82" t="s">
        <v>104</v>
      </c>
      <c r="D13" s="68"/>
      <c r="E13" s="68"/>
      <c r="F13" s="69"/>
      <c r="G13" s="50"/>
      <c r="H13" s="50"/>
      <c r="I13" s="50"/>
      <c r="J13" s="50"/>
      <c r="K13" s="9">
        <v>0</v>
      </c>
      <c r="M13" s="111"/>
      <c r="N13" s="82" t="s">
        <v>131</v>
      </c>
      <c r="O13" s="68"/>
      <c r="P13" s="68"/>
      <c r="Q13" s="69"/>
      <c r="R13" s="9">
        <v>0</v>
      </c>
    </row>
    <row r="14" spans="1:18" ht="10" customHeight="1" x14ac:dyDescent="0.2">
      <c r="A14" s="111"/>
      <c r="B14" s="90" t="s">
        <v>75</v>
      </c>
      <c r="C14" s="65"/>
      <c r="D14" s="65"/>
      <c r="E14" s="65"/>
      <c r="F14" s="66"/>
      <c r="G14" s="50"/>
      <c r="H14" s="50"/>
      <c r="I14" s="50"/>
      <c r="J14" s="50"/>
      <c r="K14" s="9">
        <v>53605</v>
      </c>
      <c r="M14" s="111"/>
      <c r="N14" s="82" t="s">
        <v>13</v>
      </c>
      <c r="O14" s="68"/>
      <c r="P14" s="68"/>
      <c r="Q14" s="69"/>
      <c r="R14" s="9">
        <v>87318</v>
      </c>
    </row>
    <row r="15" spans="1:18" ht="10" customHeight="1" x14ac:dyDescent="0.2">
      <c r="A15" s="111"/>
      <c r="B15" s="34"/>
      <c r="C15" s="82" t="s">
        <v>76</v>
      </c>
      <c r="D15" s="68"/>
      <c r="E15" s="68"/>
      <c r="F15" s="69"/>
      <c r="G15" s="50"/>
      <c r="H15" s="50"/>
      <c r="I15" s="50"/>
      <c r="J15" s="50"/>
      <c r="K15" s="9">
        <v>32061</v>
      </c>
      <c r="M15" s="111"/>
      <c r="N15" s="90" t="s">
        <v>159</v>
      </c>
      <c r="O15" s="65"/>
      <c r="P15" s="65"/>
      <c r="Q15" s="66"/>
      <c r="R15" s="9">
        <v>204891</v>
      </c>
    </row>
    <row r="16" spans="1:18" ht="10" customHeight="1" x14ac:dyDescent="0.2">
      <c r="A16" s="111"/>
      <c r="B16" s="34"/>
      <c r="C16" s="82" t="s">
        <v>170</v>
      </c>
      <c r="D16" s="68"/>
      <c r="E16" s="68"/>
      <c r="F16" s="69"/>
      <c r="G16" s="50"/>
      <c r="H16" s="50"/>
      <c r="I16" s="50"/>
      <c r="J16" s="50"/>
      <c r="K16" s="9">
        <v>18441</v>
      </c>
      <c r="M16" s="111"/>
      <c r="N16" s="55"/>
      <c r="O16" s="90" t="s">
        <v>132</v>
      </c>
      <c r="P16" s="65"/>
      <c r="Q16" s="66"/>
      <c r="R16" s="17">
        <v>0</v>
      </c>
    </row>
    <row r="17" spans="1:18" ht="10" customHeight="1" x14ac:dyDescent="0.2">
      <c r="A17" s="111"/>
      <c r="B17" s="34"/>
      <c r="C17" s="82" t="s">
        <v>194</v>
      </c>
      <c r="D17" s="68"/>
      <c r="E17" s="68"/>
      <c r="F17" s="69"/>
      <c r="G17" s="50"/>
      <c r="H17" s="50"/>
      <c r="I17" s="50"/>
      <c r="J17" s="50"/>
      <c r="K17" s="24">
        <v>0</v>
      </c>
      <c r="M17" s="111"/>
      <c r="N17" s="34"/>
      <c r="O17" s="118" t="s">
        <v>160</v>
      </c>
      <c r="P17" s="95"/>
      <c r="Q17" s="96"/>
      <c r="R17" s="18">
        <v>0</v>
      </c>
    </row>
    <row r="18" spans="1:18" ht="10" customHeight="1" x14ac:dyDescent="0.2">
      <c r="A18" s="111"/>
      <c r="B18" s="34"/>
      <c r="C18" s="82" t="s">
        <v>77</v>
      </c>
      <c r="D18" s="68"/>
      <c r="E18" s="68"/>
      <c r="F18" s="69"/>
      <c r="G18" s="50"/>
      <c r="H18" s="50"/>
      <c r="I18" s="50"/>
      <c r="J18" s="50"/>
      <c r="K18" s="9">
        <v>3103</v>
      </c>
      <c r="M18" s="111"/>
      <c r="N18" s="42"/>
      <c r="O18" s="107" t="s">
        <v>175</v>
      </c>
      <c r="P18" s="108"/>
      <c r="Q18" s="109"/>
      <c r="R18" s="9">
        <v>0</v>
      </c>
    </row>
    <row r="19" spans="1:18" ht="10" customHeight="1" x14ac:dyDescent="0.2">
      <c r="A19" s="111"/>
      <c r="B19" s="42"/>
      <c r="C19" s="82" t="s">
        <v>78</v>
      </c>
      <c r="D19" s="68"/>
      <c r="E19" s="68"/>
      <c r="F19" s="69"/>
      <c r="G19" s="50"/>
      <c r="H19" s="50"/>
      <c r="I19" s="50"/>
      <c r="J19" s="50"/>
      <c r="K19" s="9">
        <v>0</v>
      </c>
      <c r="M19" s="112"/>
      <c r="N19" s="82" t="s">
        <v>161</v>
      </c>
      <c r="O19" s="68"/>
      <c r="P19" s="68"/>
      <c r="Q19" s="69"/>
      <c r="R19" s="9">
        <v>204891</v>
      </c>
    </row>
    <row r="20" spans="1:18" ht="10" customHeight="1" x14ac:dyDescent="0.2">
      <c r="A20" s="111"/>
      <c r="B20" s="82" t="s">
        <v>105</v>
      </c>
      <c r="C20" s="68"/>
      <c r="D20" s="68"/>
      <c r="E20" s="68"/>
      <c r="F20" s="69"/>
      <c r="G20" s="50"/>
      <c r="H20" s="50"/>
      <c r="I20" s="50"/>
      <c r="J20" s="50"/>
      <c r="K20" s="9">
        <v>0</v>
      </c>
      <c r="M20" s="116" t="s">
        <v>133</v>
      </c>
      <c r="N20" s="65" t="s">
        <v>134</v>
      </c>
      <c r="O20" s="65"/>
      <c r="P20" s="65"/>
      <c r="Q20" s="66"/>
      <c r="R20" s="9">
        <v>187218</v>
      </c>
    </row>
    <row r="21" spans="1:18" ht="10" customHeight="1" x14ac:dyDescent="0.2">
      <c r="A21" s="112"/>
      <c r="B21" s="82" t="s">
        <v>79</v>
      </c>
      <c r="C21" s="68"/>
      <c r="D21" s="68"/>
      <c r="E21" s="68"/>
      <c r="F21" s="69"/>
      <c r="G21" s="50"/>
      <c r="H21" s="50"/>
      <c r="I21" s="50"/>
      <c r="J21" s="50"/>
      <c r="K21" s="9">
        <v>651836</v>
      </c>
      <c r="M21" s="111"/>
      <c r="O21" s="82" t="s">
        <v>135</v>
      </c>
      <c r="P21" s="68"/>
      <c r="Q21" s="69"/>
      <c r="R21" s="9">
        <v>0</v>
      </c>
    </row>
    <row r="22" spans="1:18" ht="10" customHeight="1" x14ac:dyDescent="0.2">
      <c r="A22" s="116" t="s">
        <v>106</v>
      </c>
      <c r="B22" s="90" t="s">
        <v>80</v>
      </c>
      <c r="C22" s="65"/>
      <c r="D22" s="65"/>
      <c r="E22" s="65"/>
      <c r="F22" s="66"/>
      <c r="G22" s="50"/>
      <c r="H22" s="50"/>
      <c r="I22" s="50"/>
      <c r="J22" s="50"/>
      <c r="K22" s="9">
        <v>113410</v>
      </c>
      <c r="M22" s="111"/>
      <c r="N22" s="43"/>
      <c r="O22" s="82" t="s">
        <v>136</v>
      </c>
      <c r="P22" s="68"/>
      <c r="Q22" s="69"/>
      <c r="R22" s="9">
        <v>0</v>
      </c>
    </row>
    <row r="23" spans="1:18" ht="10" customHeight="1" x14ac:dyDescent="0.2">
      <c r="A23" s="111"/>
      <c r="B23" s="55"/>
      <c r="C23" s="107" t="s">
        <v>107</v>
      </c>
      <c r="D23" s="108"/>
      <c r="E23" s="108"/>
      <c r="F23" s="109"/>
      <c r="G23" s="50"/>
      <c r="H23" s="50"/>
      <c r="I23" s="50"/>
      <c r="J23" s="50"/>
      <c r="K23" s="9">
        <v>113410</v>
      </c>
      <c r="L23" s="31"/>
      <c r="M23" s="111"/>
      <c r="N23" s="65" t="s">
        <v>137</v>
      </c>
      <c r="O23" s="65"/>
      <c r="P23" s="65"/>
      <c r="Q23" s="66"/>
      <c r="R23" s="9">
        <v>17673</v>
      </c>
    </row>
    <row r="24" spans="1:18" ht="10" customHeight="1" x14ac:dyDescent="0.2">
      <c r="A24" s="111"/>
      <c r="B24" s="34"/>
      <c r="C24" s="82" t="s">
        <v>108</v>
      </c>
      <c r="D24" s="68"/>
      <c r="E24" s="68"/>
      <c r="F24" s="69"/>
      <c r="G24" s="50"/>
      <c r="H24" s="50"/>
      <c r="I24" s="50"/>
      <c r="J24" s="50"/>
      <c r="K24" s="9">
        <v>0</v>
      </c>
      <c r="M24" s="111"/>
      <c r="O24" s="82" t="s">
        <v>124</v>
      </c>
      <c r="P24" s="68"/>
      <c r="Q24" s="69"/>
      <c r="R24" s="9">
        <v>17673</v>
      </c>
    </row>
    <row r="25" spans="1:18" ht="10" customHeight="1" x14ac:dyDescent="0.2">
      <c r="A25" s="111"/>
      <c r="B25" s="34"/>
      <c r="C25" s="82" t="s">
        <v>81</v>
      </c>
      <c r="D25" s="68"/>
      <c r="E25" s="68"/>
      <c r="F25" s="69"/>
      <c r="G25" s="50"/>
      <c r="H25" s="50"/>
      <c r="I25" s="50"/>
      <c r="J25" s="50"/>
      <c r="K25" s="9">
        <v>0</v>
      </c>
      <c r="M25" s="111"/>
      <c r="N25" s="43"/>
      <c r="O25" s="82" t="s">
        <v>13</v>
      </c>
      <c r="P25" s="68"/>
      <c r="Q25" s="69"/>
      <c r="R25" s="9">
        <v>0</v>
      </c>
    </row>
    <row r="26" spans="1:18" ht="10" customHeight="1" x14ac:dyDescent="0.2">
      <c r="A26" s="111"/>
      <c r="B26" s="34"/>
      <c r="C26" s="107" t="s">
        <v>109</v>
      </c>
      <c r="D26" s="108"/>
      <c r="E26" s="108"/>
      <c r="F26" s="109"/>
      <c r="G26" s="50"/>
      <c r="H26" s="50"/>
      <c r="I26" s="50"/>
      <c r="J26" s="50"/>
      <c r="K26" s="9">
        <v>0</v>
      </c>
      <c r="M26" s="111"/>
      <c r="N26" s="82" t="s">
        <v>138</v>
      </c>
      <c r="O26" s="68"/>
      <c r="P26" s="68"/>
      <c r="Q26" s="69"/>
      <c r="R26" s="9">
        <v>0</v>
      </c>
    </row>
    <row r="27" spans="1:18" ht="10" customHeight="1" x14ac:dyDescent="0.2">
      <c r="A27" s="111"/>
      <c r="B27" s="34"/>
      <c r="C27" s="82" t="s">
        <v>110</v>
      </c>
      <c r="D27" s="68"/>
      <c r="E27" s="68"/>
      <c r="F27" s="69"/>
      <c r="G27" s="50"/>
      <c r="H27" s="50"/>
      <c r="I27" s="50"/>
      <c r="J27" s="50"/>
      <c r="K27" s="9">
        <v>0</v>
      </c>
      <c r="M27" s="111"/>
      <c r="N27" s="82" t="s">
        <v>139</v>
      </c>
      <c r="O27" s="68"/>
      <c r="P27" s="68"/>
      <c r="Q27" s="69"/>
      <c r="R27" s="9">
        <v>0</v>
      </c>
    </row>
    <row r="28" spans="1:18" ht="10" customHeight="1" x14ac:dyDescent="0.2">
      <c r="A28" s="111"/>
      <c r="B28" s="34"/>
      <c r="C28" s="82" t="s">
        <v>111</v>
      </c>
      <c r="D28" s="68"/>
      <c r="E28" s="68"/>
      <c r="F28" s="69"/>
      <c r="G28" s="50"/>
      <c r="H28" s="50"/>
      <c r="I28" s="50"/>
      <c r="J28" s="50"/>
      <c r="K28" s="9">
        <v>0</v>
      </c>
      <c r="M28" s="111"/>
      <c r="N28" s="82" t="s">
        <v>13</v>
      </c>
      <c r="O28" s="68"/>
      <c r="P28" s="68"/>
      <c r="Q28" s="69"/>
      <c r="R28" s="9">
        <v>0</v>
      </c>
    </row>
    <row r="29" spans="1:18" ht="10" customHeight="1" x14ac:dyDescent="0.2">
      <c r="A29" s="111"/>
      <c r="B29" s="34"/>
      <c r="C29" s="82" t="s">
        <v>112</v>
      </c>
      <c r="D29" s="68"/>
      <c r="E29" s="68"/>
      <c r="F29" s="69"/>
      <c r="G29" s="50"/>
      <c r="H29" s="50"/>
      <c r="I29" s="50"/>
      <c r="J29" s="50"/>
      <c r="K29" s="9">
        <v>0</v>
      </c>
      <c r="L29" s="31"/>
      <c r="M29" s="112"/>
      <c r="N29" s="82" t="s">
        <v>162</v>
      </c>
      <c r="O29" s="68"/>
      <c r="P29" s="68"/>
      <c r="Q29" s="69"/>
      <c r="R29" s="9">
        <v>204891</v>
      </c>
    </row>
    <row r="30" spans="1:18" ht="10" customHeight="1" x14ac:dyDescent="0.2">
      <c r="A30" s="111"/>
      <c r="B30" s="34"/>
      <c r="C30" s="37" t="s">
        <v>113</v>
      </c>
      <c r="D30" s="28"/>
      <c r="E30" s="28"/>
      <c r="F30" s="29"/>
      <c r="G30" s="50"/>
      <c r="H30" s="50"/>
      <c r="I30" s="50"/>
      <c r="J30" s="50"/>
      <c r="K30" s="9">
        <v>0</v>
      </c>
      <c r="M30" s="83" t="s">
        <v>163</v>
      </c>
      <c r="N30" s="119"/>
      <c r="O30" s="77"/>
      <c r="P30" s="82" t="s">
        <v>140</v>
      </c>
      <c r="Q30" s="69"/>
      <c r="R30" s="9">
        <v>0</v>
      </c>
    </row>
    <row r="31" spans="1:18" ht="10" customHeight="1" x14ac:dyDescent="0.2">
      <c r="A31" s="111"/>
      <c r="B31" s="90" t="s">
        <v>82</v>
      </c>
      <c r="C31" s="65"/>
      <c r="D31" s="65"/>
      <c r="E31" s="65"/>
      <c r="F31" s="66"/>
      <c r="G31" s="50"/>
      <c r="H31" s="50"/>
      <c r="I31" s="50"/>
      <c r="J31" s="50"/>
      <c r="K31" s="9">
        <v>45047</v>
      </c>
      <c r="M31" s="120"/>
      <c r="N31" s="121"/>
      <c r="O31" s="122"/>
      <c r="P31" s="82" t="s">
        <v>199</v>
      </c>
      <c r="Q31" s="69"/>
      <c r="R31" s="24">
        <v>0</v>
      </c>
    </row>
    <row r="32" spans="1:18" ht="10" customHeight="1" x14ac:dyDescent="0.2">
      <c r="A32" s="111"/>
      <c r="B32" s="34"/>
      <c r="C32" s="107" t="s">
        <v>107</v>
      </c>
      <c r="D32" s="108"/>
      <c r="E32" s="108"/>
      <c r="F32" s="109"/>
      <c r="G32" s="50"/>
      <c r="H32" s="50"/>
      <c r="I32" s="50"/>
      <c r="J32" s="50"/>
      <c r="K32" s="9">
        <v>18197</v>
      </c>
      <c r="M32" s="116" t="s">
        <v>141</v>
      </c>
      <c r="N32" s="82" t="s">
        <v>142</v>
      </c>
      <c r="O32" s="68"/>
      <c r="P32" s="68"/>
      <c r="Q32" s="69"/>
      <c r="R32" s="9">
        <v>0</v>
      </c>
    </row>
    <row r="33" spans="1:18" ht="10" customHeight="1" x14ac:dyDescent="0.2">
      <c r="A33" s="111"/>
      <c r="B33" s="34"/>
      <c r="C33" s="82" t="s">
        <v>108</v>
      </c>
      <c r="D33" s="68"/>
      <c r="E33" s="68"/>
      <c r="F33" s="69"/>
      <c r="G33" s="50"/>
      <c r="H33" s="50"/>
      <c r="I33" s="50"/>
      <c r="J33" s="50"/>
      <c r="K33" s="9">
        <v>0</v>
      </c>
      <c r="M33" s="111"/>
      <c r="N33" s="82" t="s">
        <v>143</v>
      </c>
      <c r="O33" s="68"/>
      <c r="P33" s="68"/>
      <c r="Q33" s="69"/>
      <c r="R33" s="9">
        <v>0</v>
      </c>
    </row>
    <row r="34" spans="1:18" ht="10" customHeight="1" x14ac:dyDescent="0.2">
      <c r="A34" s="111"/>
      <c r="B34" s="34"/>
      <c r="C34" s="107" t="s">
        <v>109</v>
      </c>
      <c r="D34" s="108"/>
      <c r="E34" s="108"/>
      <c r="F34" s="109"/>
      <c r="G34" s="50"/>
      <c r="H34" s="50"/>
      <c r="I34" s="50"/>
      <c r="J34" s="50"/>
      <c r="K34" s="9">
        <v>0</v>
      </c>
      <c r="M34" s="111"/>
      <c r="N34" s="82" t="s">
        <v>144</v>
      </c>
      <c r="O34" s="68"/>
      <c r="P34" s="68"/>
      <c r="Q34" s="69"/>
      <c r="R34" s="9">
        <v>0</v>
      </c>
    </row>
    <row r="35" spans="1:18" ht="10" customHeight="1" x14ac:dyDescent="0.2">
      <c r="A35" s="111"/>
      <c r="B35" s="34"/>
      <c r="C35" s="82" t="s">
        <v>110</v>
      </c>
      <c r="D35" s="68"/>
      <c r="E35" s="68"/>
      <c r="F35" s="69"/>
      <c r="G35" s="50"/>
      <c r="H35" s="50"/>
      <c r="I35" s="50"/>
      <c r="J35" s="50"/>
      <c r="K35" s="9">
        <v>0</v>
      </c>
      <c r="M35" s="111"/>
      <c r="N35" s="82" t="s">
        <v>145</v>
      </c>
      <c r="O35" s="68"/>
      <c r="P35" s="68"/>
      <c r="Q35" s="69"/>
      <c r="R35" s="9">
        <v>0</v>
      </c>
    </row>
    <row r="36" spans="1:18" ht="10" customHeight="1" x14ac:dyDescent="0.2">
      <c r="A36" s="111"/>
      <c r="B36" s="34"/>
      <c r="C36" s="82" t="s">
        <v>111</v>
      </c>
      <c r="D36" s="68"/>
      <c r="E36" s="68"/>
      <c r="F36" s="69"/>
      <c r="G36" s="50"/>
      <c r="H36" s="50"/>
      <c r="I36" s="50"/>
      <c r="J36" s="50"/>
      <c r="K36" s="9">
        <v>0</v>
      </c>
      <c r="M36" s="111"/>
      <c r="N36" s="82" t="s">
        <v>146</v>
      </c>
      <c r="O36" s="68"/>
      <c r="P36" s="68"/>
      <c r="Q36" s="69"/>
      <c r="R36" s="9">
        <v>0</v>
      </c>
    </row>
    <row r="37" spans="1:18" ht="10" customHeight="1" x14ac:dyDescent="0.2">
      <c r="A37" s="111"/>
      <c r="B37" s="34"/>
      <c r="C37" s="82" t="s">
        <v>114</v>
      </c>
      <c r="D37" s="68"/>
      <c r="E37" s="68"/>
      <c r="F37" s="69"/>
      <c r="G37" s="50"/>
      <c r="H37" s="50"/>
      <c r="I37" s="50"/>
      <c r="J37" s="50"/>
      <c r="K37" s="9">
        <v>0</v>
      </c>
      <c r="M37" s="111"/>
      <c r="N37" s="82" t="s">
        <v>147</v>
      </c>
      <c r="O37" s="68"/>
      <c r="P37" s="68"/>
      <c r="Q37" s="69"/>
      <c r="R37" s="9">
        <v>0</v>
      </c>
    </row>
    <row r="38" spans="1:18" ht="10" customHeight="1" x14ac:dyDescent="0.2">
      <c r="A38" s="111"/>
      <c r="B38" s="34"/>
      <c r="C38" s="82" t="s">
        <v>115</v>
      </c>
      <c r="D38" s="68"/>
      <c r="E38" s="68"/>
      <c r="F38" s="69"/>
      <c r="G38" s="50"/>
      <c r="H38" s="50"/>
      <c r="I38" s="50"/>
      <c r="J38" s="50"/>
      <c r="K38" s="9">
        <v>0</v>
      </c>
      <c r="M38" s="111"/>
      <c r="N38" s="82" t="s">
        <v>13</v>
      </c>
      <c r="O38" s="68"/>
      <c r="P38" s="68"/>
      <c r="Q38" s="69"/>
      <c r="R38" s="9">
        <v>0</v>
      </c>
    </row>
    <row r="39" spans="1:18" ht="10" customHeight="1" x14ac:dyDescent="0.2">
      <c r="A39" s="111"/>
      <c r="B39" s="34"/>
      <c r="C39" s="82" t="s">
        <v>171</v>
      </c>
      <c r="D39" s="68"/>
      <c r="E39" s="68"/>
      <c r="F39" s="69"/>
      <c r="G39" s="50"/>
      <c r="H39" s="50"/>
      <c r="I39" s="50"/>
      <c r="J39" s="50"/>
      <c r="K39" s="9">
        <v>25812</v>
      </c>
      <c r="M39" s="112"/>
      <c r="N39" s="82" t="s">
        <v>164</v>
      </c>
      <c r="O39" s="68"/>
      <c r="P39" s="68"/>
      <c r="Q39" s="69"/>
      <c r="R39" s="9">
        <v>0</v>
      </c>
    </row>
    <row r="40" spans="1:18" ht="10" customHeight="1" x14ac:dyDescent="0.2">
      <c r="A40" s="111"/>
      <c r="B40" s="34"/>
      <c r="C40" s="82" t="s">
        <v>172</v>
      </c>
      <c r="D40" s="68"/>
      <c r="E40" s="68"/>
      <c r="F40" s="69"/>
      <c r="G40" s="50"/>
      <c r="H40" s="50"/>
      <c r="I40" s="50"/>
      <c r="J40" s="50"/>
      <c r="K40" s="9">
        <v>822</v>
      </c>
      <c r="M40" s="67" t="s">
        <v>200</v>
      </c>
      <c r="N40" s="68"/>
      <c r="O40" s="68"/>
      <c r="P40" s="68"/>
      <c r="Q40" s="69"/>
      <c r="R40" s="24">
        <v>0</v>
      </c>
    </row>
    <row r="41" spans="1:18" ht="10" customHeight="1" x14ac:dyDescent="0.2">
      <c r="A41" s="111"/>
      <c r="B41" s="42"/>
      <c r="C41" s="82" t="s">
        <v>113</v>
      </c>
      <c r="D41" s="68"/>
      <c r="E41" s="68"/>
      <c r="F41" s="69"/>
      <c r="G41" s="50"/>
      <c r="H41" s="50"/>
      <c r="I41" s="50"/>
      <c r="J41" s="50"/>
      <c r="K41" s="9">
        <v>216</v>
      </c>
      <c r="M41" s="67" t="s">
        <v>148</v>
      </c>
      <c r="N41" s="68"/>
      <c r="O41" s="68"/>
      <c r="P41" s="68"/>
      <c r="Q41" s="69"/>
      <c r="R41" s="9">
        <v>0</v>
      </c>
    </row>
    <row r="42" spans="1:18" ht="10" customHeight="1" x14ac:dyDescent="0.2">
      <c r="A42" s="111"/>
      <c r="B42" s="90" t="s">
        <v>116</v>
      </c>
      <c r="C42" s="68"/>
      <c r="D42" s="68"/>
      <c r="E42" s="68"/>
      <c r="F42" s="69"/>
      <c r="G42" s="50"/>
      <c r="H42" s="50"/>
      <c r="I42" s="50"/>
      <c r="J42" s="50"/>
      <c r="K42" s="9">
        <v>331158</v>
      </c>
      <c r="M42" s="67" t="s">
        <v>149</v>
      </c>
      <c r="N42" s="68"/>
      <c r="O42" s="68"/>
      <c r="P42" s="68"/>
      <c r="Q42" s="69"/>
      <c r="R42" s="9">
        <v>17673</v>
      </c>
    </row>
    <row r="43" spans="1:18" ht="10" customHeight="1" x14ac:dyDescent="0.2">
      <c r="A43" s="111"/>
      <c r="B43" s="35"/>
      <c r="C43" s="82" t="s">
        <v>173</v>
      </c>
      <c r="D43" s="68"/>
      <c r="E43" s="68"/>
      <c r="F43" s="69"/>
      <c r="G43" s="50"/>
      <c r="H43" s="50"/>
      <c r="I43" s="50"/>
      <c r="J43" s="50"/>
      <c r="K43" s="9">
        <v>740830</v>
      </c>
      <c r="M43" s="123" t="s">
        <v>150</v>
      </c>
      <c r="N43" s="124"/>
      <c r="O43" s="114" t="s">
        <v>123</v>
      </c>
      <c r="P43" s="82" t="s">
        <v>151</v>
      </c>
      <c r="Q43" s="69"/>
      <c r="R43" s="9">
        <v>0</v>
      </c>
    </row>
    <row r="44" spans="1:18" ht="10" customHeight="1" x14ac:dyDescent="0.2">
      <c r="A44" s="111"/>
      <c r="B44" s="56"/>
      <c r="C44" s="82" t="s">
        <v>195</v>
      </c>
      <c r="D44" s="68"/>
      <c r="E44" s="68"/>
      <c r="F44" s="69"/>
      <c r="G44" s="50"/>
      <c r="H44" s="50"/>
      <c r="I44" s="50"/>
      <c r="J44" s="50"/>
      <c r="K44" s="24">
        <v>409672</v>
      </c>
      <c r="M44" s="125"/>
      <c r="N44" s="126"/>
      <c r="O44" s="117"/>
      <c r="P44" s="82" t="s">
        <v>176</v>
      </c>
      <c r="Q44" s="69"/>
      <c r="R44" s="9">
        <v>0</v>
      </c>
    </row>
    <row r="45" spans="1:18" ht="10" customHeight="1" x14ac:dyDescent="0.2">
      <c r="A45" s="112"/>
      <c r="B45" s="82" t="s">
        <v>174</v>
      </c>
      <c r="C45" s="68"/>
      <c r="D45" s="68"/>
      <c r="E45" s="68"/>
      <c r="F45" s="69"/>
      <c r="G45" s="50"/>
      <c r="H45" s="50"/>
      <c r="I45" s="50"/>
      <c r="J45" s="50"/>
      <c r="K45" s="9">
        <v>489615</v>
      </c>
      <c r="M45" s="125"/>
      <c r="N45" s="126"/>
      <c r="O45" s="115"/>
      <c r="P45" s="82" t="s">
        <v>13</v>
      </c>
      <c r="Q45" s="69"/>
      <c r="R45" s="9">
        <v>104818</v>
      </c>
    </row>
    <row r="46" spans="1:18" ht="10" customHeight="1" x14ac:dyDescent="0.2">
      <c r="A46" s="116" t="s">
        <v>117</v>
      </c>
      <c r="B46" s="90" t="s">
        <v>83</v>
      </c>
      <c r="C46" s="65"/>
      <c r="D46" s="65"/>
      <c r="E46" s="65"/>
      <c r="F46" s="66"/>
      <c r="G46" s="50"/>
      <c r="H46" s="50"/>
      <c r="I46" s="50"/>
      <c r="J46" s="50"/>
      <c r="K46" s="9">
        <v>269666</v>
      </c>
      <c r="M46" s="125"/>
      <c r="N46" s="126"/>
      <c r="O46" s="82" t="s">
        <v>130</v>
      </c>
      <c r="P46" s="68"/>
      <c r="Q46" s="69"/>
      <c r="R46" s="9">
        <v>0</v>
      </c>
    </row>
    <row r="47" spans="1:18" ht="10" customHeight="1" x14ac:dyDescent="0.2">
      <c r="A47" s="111"/>
      <c r="B47" s="34"/>
      <c r="C47" s="82" t="s">
        <v>84</v>
      </c>
      <c r="D47" s="68"/>
      <c r="E47" s="68"/>
      <c r="F47" s="69"/>
      <c r="G47" s="50"/>
      <c r="H47" s="50"/>
      <c r="I47" s="50"/>
      <c r="J47" s="50"/>
      <c r="K47" s="9">
        <v>0</v>
      </c>
      <c r="M47" s="125"/>
      <c r="N47" s="126"/>
      <c r="O47" s="82" t="s">
        <v>27</v>
      </c>
      <c r="P47" s="68"/>
      <c r="Q47" s="69"/>
      <c r="R47" s="9">
        <v>0</v>
      </c>
    </row>
    <row r="48" spans="1:18" ht="10" customHeight="1" x14ac:dyDescent="0.2">
      <c r="A48" s="111"/>
      <c r="B48" s="34"/>
      <c r="C48" s="82" t="s">
        <v>85</v>
      </c>
      <c r="D48" s="68"/>
      <c r="E48" s="68"/>
      <c r="F48" s="69"/>
      <c r="G48" s="50"/>
      <c r="H48" s="50"/>
      <c r="I48" s="50"/>
      <c r="J48" s="50"/>
      <c r="K48" s="9">
        <v>0</v>
      </c>
      <c r="M48" s="125"/>
      <c r="N48" s="126"/>
      <c r="O48" s="82" t="s">
        <v>131</v>
      </c>
      <c r="P48" s="68"/>
      <c r="Q48" s="69"/>
      <c r="R48" s="9">
        <v>0</v>
      </c>
    </row>
    <row r="49" spans="1:18" ht="10" customHeight="1" x14ac:dyDescent="0.2">
      <c r="A49" s="111"/>
      <c r="B49" s="34"/>
      <c r="C49" s="82" t="s">
        <v>86</v>
      </c>
      <c r="D49" s="68"/>
      <c r="E49" s="68"/>
      <c r="F49" s="69"/>
      <c r="G49" s="50"/>
      <c r="H49" s="50"/>
      <c r="I49" s="50"/>
      <c r="J49" s="50"/>
      <c r="K49" s="9">
        <v>269666</v>
      </c>
      <c r="M49" s="125"/>
      <c r="N49" s="126"/>
      <c r="O49" s="82" t="s">
        <v>152</v>
      </c>
      <c r="P49" s="68"/>
      <c r="Q49" s="69"/>
      <c r="R49" s="9">
        <v>0</v>
      </c>
    </row>
    <row r="50" spans="1:18" ht="10" customHeight="1" x14ac:dyDescent="0.2">
      <c r="A50" s="111"/>
      <c r="B50" s="34"/>
      <c r="C50" s="82" t="s">
        <v>87</v>
      </c>
      <c r="D50" s="68"/>
      <c r="E50" s="68"/>
      <c r="F50" s="69"/>
      <c r="G50" s="50"/>
      <c r="H50" s="50"/>
      <c r="I50" s="50"/>
      <c r="J50" s="50"/>
      <c r="K50" s="9">
        <v>0</v>
      </c>
      <c r="M50" s="127"/>
      <c r="N50" s="128"/>
      <c r="O50" s="82" t="s">
        <v>13</v>
      </c>
      <c r="P50" s="68"/>
      <c r="Q50" s="69"/>
      <c r="R50" s="9">
        <v>82400</v>
      </c>
    </row>
    <row r="51" spans="1:18" ht="10" customHeight="1" x14ac:dyDescent="0.2">
      <c r="A51" s="111"/>
      <c r="B51" s="90" t="s">
        <v>88</v>
      </c>
      <c r="C51" s="65"/>
      <c r="D51" s="65"/>
      <c r="E51" s="65"/>
      <c r="F51" s="66"/>
      <c r="G51" s="50"/>
      <c r="H51" s="50"/>
      <c r="I51" s="50"/>
      <c r="J51" s="50"/>
      <c r="K51" s="25">
        <v>-107445</v>
      </c>
      <c r="L51" s="57"/>
      <c r="M51" s="64" t="s">
        <v>153</v>
      </c>
      <c r="N51" s="65"/>
      <c r="O51" s="65"/>
      <c r="P51" s="65"/>
      <c r="Q51" s="66"/>
      <c r="R51" s="9">
        <v>17673</v>
      </c>
    </row>
    <row r="52" spans="1:18" ht="10" customHeight="1" x14ac:dyDescent="0.2">
      <c r="A52" s="111"/>
      <c r="B52" s="34"/>
      <c r="C52" s="90" t="s">
        <v>89</v>
      </c>
      <c r="D52" s="65"/>
      <c r="E52" s="65"/>
      <c r="F52" s="66"/>
      <c r="G52" s="50"/>
      <c r="H52" s="50"/>
      <c r="I52" s="50"/>
      <c r="J52" s="50"/>
      <c r="K52" s="9">
        <v>0</v>
      </c>
      <c r="M52" s="33"/>
      <c r="N52" s="82" t="s">
        <v>154</v>
      </c>
      <c r="O52" s="68"/>
      <c r="P52" s="68"/>
      <c r="Q52" s="69"/>
      <c r="R52" s="9">
        <v>0</v>
      </c>
    </row>
    <row r="53" spans="1:18" ht="10" customHeight="1" x14ac:dyDescent="0.2">
      <c r="A53" s="111"/>
      <c r="B53" s="34"/>
      <c r="C53" s="34"/>
      <c r="D53" s="82" t="s">
        <v>26</v>
      </c>
      <c r="E53" s="68"/>
      <c r="F53" s="69"/>
      <c r="G53" s="58"/>
      <c r="H53" s="58"/>
      <c r="I53" s="58"/>
      <c r="J53" s="58"/>
      <c r="K53" s="9">
        <v>0</v>
      </c>
      <c r="M53" s="33"/>
      <c r="N53" s="90" t="s">
        <v>155</v>
      </c>
      <c r="O53" s="65"/>
      <c r="P53" s="65"/>
      <c r="Q53" s="66"/>
      <c r="R53" s="9">
        <v>17673</v>
      </c>
    </row>
    <row r="54" spans="1:18" ht="10" customHeight="1" x14ac:dyDescent="0.2">
      <c r="A54" s="111"/>
      <c r="B54" s="34"/>
      <c r="C54" s="34"/>
      <c r="D54" s="82" t="s">
        <v>90</v>
      </c>
      <c r="E54" s="68"/>
      <c r="F54" s="69"/>
      <c r="G54" s="58"/>
      <c r="H54" s="58"/>
      <c r="I54" s="58"/>
      <c r="J54" s="58"/>
      <c r="K54" s="9">
        <v>0</v>
      </c>
      <c r="M54" s="33"/>
      <c r="N54" s="34"/>
      <c r="O54" s="82" t="s">
        <v>156</v>
      </c>
      <c r="P54" s="68"/>
      <c r="Q54" s="69"/>
      <c r="R54" s="9">
        <v>0</v>
      </c>
    </row>
    <row r="55" spans="1:18" ht="10" customHeight="1" x14ac:dyDescent="0.2">
      <c r="A55" s="111"/>
      <c r="B55" s="34"/>
      <c r="C55" s="34"/>
      <c r="D55" s="82" t="s">
        <v>91</v>
      </c>
      <c r="E55" s="68"/>
      <c r="F55" s="69"/>
      <c r="G55" s="50"/>
      <c r="H55" s="50"/>
      <c r="I55" s="50"/>
      <c r="J55" s="50"/>
      <c r="K55" s="9">
        <v>0</v>
      </c>
      <c r="M55" s="33"/>
      <c r="N55" s="34"/>
      <c r="O55" s="90" t="s">
        <v>177</v>
      </c>
      <c r="P55" s="65"/>
      <c r="Q55" s="66"/>
      <c r="R55" s="9">
        <v>17673</v>
      </c>
    </row>
    <row r="56" spans="1:18" ht="10" customHeight="1" x14ac:dyDescent="0.2">
      <c r="A56" s="111"/>
      <c r="B56" s="34"/>
      <c r="C56" s="34"/>
      <c r="D56" s="82" t="s">
        <v>92</v>
      </c>
      <c r="E56" s="68"/>
      <c r="F56" s="69"/>
      <c r="G56" s="50"/>
      <c r="H56" s="50"/>
      <c r="I56" s="50"/>
      <c r="J56" s="50"/>
      <c r="K56" s="9">
        <v>0</v>
      </c>
      <c r="M56" s="105" t="s">
        <v>157</v>
      </c>
      <c r="N56" s="106"/>
      <c r="O56" s="106"/>
      <c r="P56" s="106"/>
      <c r="Q56" s="100"/>
      <c r="R56" s="10">
        <v>131607</v>
      </c>
    </row>
    <row r="57" spans="1:18" ht="10" customHeight="1" x14ac:dyDescent="0.2">
      <c r="A57" s="111"/>
      <c r="B57" s="34"/>
      <c r="C57" s="42"/>
      <c r="D57" s="82" t="s">
        <v>24</v>
      </c>
      <c r="E57" s="68"/>
      <c r="F57" s="69"/>
      <c r="G57" s="50"/>
      <c r="H57" s="50"/>
      <c r="I57" s="50"/>
      <c r="J57" s="50"/>
      <c r="K57" s="9">
        <v>0</v>
      </c>
    </row>
    <row r="58" spans="1:18" ht="10" customHeight="1" x14ac:dyDescent="0.2">
      <c r="A58" s="111"/>
      <c r="B58" s="34"/>
      <c r="C58" s="90" t="s">
        <v>93</v>
      </c>
      <c r="D58" s="65"/>
      <c r="E58" s="65"/>
      <c r="F58" s="66"/>
      <c r="G58" s="50"/>
      <c r="H58" s="50"/>
      <c r="I58" s="50"/>
      <c r="J58" s="50"/>
      <c r="K58" s="25">
        <v>-107445</v>
      </c>
      <c r="L58" s="31"/>
      <c r="R58" s="59"/>
    </row>
    <row r="59" spans="1:18" ht="10" customHeight="1" x14ac:dyDescent="0.2">
      <c r="A59" s="111"/>
      <c r="B59" s="34"/>
      <c r="C59" s="34"/>
      <c r="D59" s="82" t="s">
        <v>94</v>
      </c>
      <c r="E59" s="68"/>
      <c r="F59" s="69"/>
      <c r="G59" s="50"/>
      <c r="H59" s="50"/>
      <c r="I59" s="50"/>
      <c r="J59" s="50"/>
      <c r="K59" s="9">
        <v>0</v>
      </c>
      <c r="R59" s="59"/>
    </row>
    <row r="60" spans="1:18" ht="10" customHeight="1" x14ac:dyDescent="0.2">
      <c r="A60" s="111"/>
      <c r="B60" s="34"/>
      <c r="C60" s="34"/>
      <c r="D60" s="82" t="s">
        <v>95</v>
      </c>
      <c r="E60" s="68"/>
      <c r="F60" s="69"/>
      <c r="G60" s="50"/>
      <c r="H60" s="50"/>
      <c r="I60" s="50"/>
      <c r="J60" s="50"/>
      <c r="K60" s="9">
        <v>0</v>
      </c>
    </row>
    <row r="61" spans="1:18" ht="10" customHeight="1" x14ac:dyDescent="0.2">
      <c r="A61" s="111"/>
      <c r="B61" s="34"/>
      <c r="C61" s="34"/>
      <c r="D61" s="82" t="s">
        <v>96</v>
      </c>
      <c r="E61" s="68"/>
      <c r="F61" s="68"/>
      <c r="G61" s="60"/>
      <c r="H61" s="60"/>
      <c r="I61" s="60"/>
      <c r="J61" s="60"/>
      <c r="K61" s="9">
        <v>0</v>
      </c>
    </row>
    <row r="62" spans="1:18" ht="10" customHeight="1" x14ac:dyDescent="0.2">
      <c r="A62" s="111"/>
      <c r="B62" s="34"/>
      <c r="C62" s="34"/>
      <c r="D62" s="82" t="s">
        <v>97</v>
      </c>
      <c r="E62" s="68"/>
      <c r="F62" s="68"/>
      <c r="G62" s="60"/>
      <c r="H62" s="60"/>
      <c r="I62" s="60"/>
      <c r="J62" s="60"/>
      <c r="K62" s="9">
        <v>0</v>
      </c>
    </row>
    <row r="63" spans="1:18" ht="10" customHeight="1" x14ac:dyDescent="0.2">
      <c r="A63" s="111"/>
      <c r="B63" s="34"/>
      <c r="C63" s="34"/>
      <c r="D63" s="114" t="s">
        <v>118</v>
      </c>
      <c r="E63" s="61" t="s">
        <v>49</v>
      </c>
      <c r="F63" s="44"/>
      <c r="G63" s="60"/>
      <c r="H63" s="60"/>
      <c r="I63" s="60"/>
      <c r="J63" s="60"/>
      <c r="K63" s="9">
        <v>0</v>
      </c>
    </row>
    <row r="64" spans="1:18" ht="10" customHeight="1" x14ac:dyDescent="0.2">
      <c r="A64" s="111"/>
      <c r="B64" s="34"/>
      <c r="C64" s="34"/>
      <c r="D64" s="117"/>
      <c r="E64" s="61" t="s">
        <v>196</v>
      </c>
      <c r="F64" s="44"/>
      <c r="G64" s="60"/>
      <c r="H64" s="60"/>
      <c r="I64" s="60"/>
      <c r="J64" s="60"/>
      <c r="K64" s="24">
        <v>107445</v>
      </c>
    </row>
    <row r="65" spans="1:11" ht="10" customHeight="1" x14ac:dyDescent="0.2">
      <c r="A65" s="111"/>
      <c r="B65" s="34"/>
      <c r="C65" s="34"/>
      <c r="D65" s="117"/>
      <c r="E65" s="114" t="s">
        <v>119</v>
      </c>
      <c r="F65" s="44" t="s">
        <v>120</v>
      </c>
      <c r="G65" s="60"/>
      <c r="H65" s="60"/>
      <c r="I65" s="60"/>
      <c r="J65" s="60"/>
      <c r="K65" s="9">
        <v>0</v>
      </c>
    </row>
    <row r="66" spans="1:11" ht="10" customHeight="1" x14ac:dyDescent="0.2">
      <c r="A66" s="111"/>
      <c r="B66" s="42"/>
      <c r="C66" s="42"/>
      <c r="D66" s="115"/>
      <c r="E66" s="115"/>
      <c r="F66" s="44" t="s">
        <v>197</v>
      </c>
      <c r="G66" s="60"/>
      <c r="H66" s="60"/>
      <c r="I66" s="60"/>
      <c r="J66" s="60"/>
      <c r="K66" s="24">
        <v>1498</v>
      </c>
    </row>
    <row r="67" spans="1:11" ht="10" customHeight="1" x14ac:dyDescent="0.2">
      <c r="A67" s="111"/>
      <c r="B67" s="43" t="s">
        <v>121</v>
      </c>
      <c r="C67" s="43"/>
      <c r="D67" s="62"/>
      <c r="E67" s="62"/>
      <c r="F67" s="45"/>
      <c r="G67" s="60"/>
      <c r="H67" s="60"/>
      <c r="I67" s="60"/>
      <c r="J67" s="60"/>
      <c r="K67" s="9">
        <v>0</v>
      </c>
    </row>
    <row r="68" spans="1:11" ht="10" customHeight="1" x14ac:dyDescent="0.2">
      <c r="A68" s="112"/>
      <c r="B68" s="68" t="s">
        <v>174</v>
      </c>
      <c r="C68" s="68"/>
      <c r="D68" s="68"/>
      <c r="E68" s="68"/>
      <c r="F68" s="68"/>
      <c r="G68" s="60"/>
      <c r="H68" s="60"/>
      <c r="I68" s="60"/>
      <c r="J68" s="60"/>
      <c r="K68" s="9">
        <v>162221</v>
      </c>
    </row>
    <row r="69" spans="1:11" ht="10" customHeight="1" x14ac:dyDescent="0.2">
      <c r="A69" s="67" t="s">
        <v>98</v>
      </c>
      <c r="B69" s="68"/>
      <c r="C69" s="68"/>
      <c r="D69" s="68"/>
      <c r="E69" s="68"/>
      <c r="F69" s="68"/>
      <c r="G69" s="60"/>
      <c r="H69" s="60"/>
      <c r="I69" s="60"/>
      <c r="J69" s="60"/>
      <c r="K69" s="9">
        <v>651836</v>
      </c>
    </row>
    <row r="70" spans="1:11" ht="10" customHeight="1" x14ac:dyDescent="0.2">
      <c r="A70" s="67" t="s">
        <v>99</v>
      </c>
      <c r="B70" s="68"/>
      <c r="C70" s="68"/>
      <c r="D70" s="68"/>
      <c r="E70" s="68"/>
      <c r="F70" s="68"/>
      <c r="G70" s="60"/>
      <c r="H70" s="60"/>
      <c r="I70" s="60"/>
      <c r="J70" s="60"/>
      <c r="K70" s="9">
        <v>0</v>
      </c>
    </row>
    <row r="71" spans="1:11" ht="10" customHeight="1" x14ac:dyDescent="0.2">
      <c r="A71" s="67" t="s">
        <v>100</v>
      </c>
      <c r="B71" s="68"/>
      <c r="C71" s="68"/>
      <c r="D71" s="68"/>
      <c r="E71" s="68"/>
      <c r="F71" s="68"/>
      <c r="G71" s="60"/>
      <c r="H71" s="60"/>
      <c r="I71" s="60"/>
      <c r="J71" s="60"/>
      <c r="K71" s="9">
        <v>0</v>
      </c>
    </row>
    <row r="72" spans="1:11" ht="10" customHeight="1" x14ac:dyDescent="0.2">
      <c r="A72" s="67" t="s">
        <v>101</v>
      </c>
      <c r="B72" s="68"/>
      <c r="C72" s="68"/>
      <c r="D72" s="68"/>
      <c r="E72" s="68"/>
      <c r="F72" s="68"/>
      <c r="G72" s="60"/>
      <c r="H72" s="60"/>
      <c r="I72" s="60"/>
      <c r="J72" s="60"/>
      <c r="K72" s="9">
        <v>0</v>
      </c>
    </row>
    <row r="73" spans="1:11" ht="10" customHeight="1" x14ac:dyDescent="0.2">
      <c r="A73" s="105" t="s">
        <v>198</v>
      </c>
      <c r="B73" s="106"/>
      <c r="C73" s="106"/>
      <c r="D73" s="106"/>
      <c r="E73" s="106"/>
      <c r="F73" s="106"/>
      <c r="G73" s="63"/>
      <c r="H73" s="63"/>
      <c r="I73" s="63"/>
      <c r="J73" s="63"/>
      <c r="K73" s="26">
        <v>1498</v>
      </c>
    </row>
  </sheetData>
  <mergeCells count="131">
    <mergeCell ref="M56:Q56"/>
    <mergeCell ref="M51:Q51"/>
    <mergeCell ref="N52:Q52"/>
    <mergeCell ref="N53:Q53"/>
    <mergeCell ref="O54:Q54"/>
    <mergeCell ref="O55:Q55"/>
    <mergeCell ref="M40:Q40"/>
    <mergeCell ref="M41:Q41"/>
    <mergeCell ref="M42:Q42"/>
    <mergeCell ref="M43:N50"/>
    <mergeCell ref="O43:O45"/>
    <mergeCell ref="P43:Q43"/>
    <mergeCell ref="P44:Q44"/>
    <mergeCell ref="P45:Q45"/>
    <mergeCell ref="O46:Q46"/>
    <mergeCell ref="O47:Q47"/>
    <mergeCell ref="O48:Q48"/>
    <mergeCell ref="O49:Q49"/>
    <mergeCell ref="O50:Q50"/>
    <mergeCell ref="M30:O31"/>
    <mergeCell ref="P30:Q30"/>
    <mergeCell ref="P31:Q31"/>
    <mergeCell ref="M32:M39"/>
    <mergeCell ref="N32:Q32"/>
    <mergeCell ref="N33:Q33"/>
    <mergeCell ref="N34:Q34"/>
    <mergeCell ref="N35:Q35"/>
    <mergeCell ref="N36:Q36"/>
    <mergeCell ref="N37:Q37"/>
    <mergeCell ref="N38:Q38"/>
    <mergeCell ref="N39:Q39"/>
    <mergeCell ref="M20:M29"/>
    <mergeCell ref="N20:Q20"/>
    <mergeCell ref="O21:Q21"/>
    <mergeCell ref="O22:Q22"/>
    <mergeCell ref="N23:Q23"/>
    <mergeCell ref="O24:Q24"/>
    <mergeCell ref="O25:Q25"/>
    <mergeCell ref="N26:Q26"/>
    <mergeCell ref="N27:Q27"/>
    <mergeCell ref="N28:Q28"/>
    <mergeCell ref="N29:Q29"/>
    <mergeCell ref="M1:Q2"/>
    <mergeCell ref="M3:M19"/>
    <mergeCell ref="N3:Q3"/>
    <mergeCell ref="O4:Q4"/>
    <mergeCell ref="O5:Q5"/>
    <mergeCell ref="N6:Q6"/>
    <mergeCell ref="N7:Q7"/>
    <mergeCell ref="N8:Q8"/>
    <mergeCell ref="N9:Q9"/>
    <mergeCell ref="N10:Q10"/>
    <mergeCell ref="N11:Q11"/>
    <mergeCell ref="N12:Q12"/>
    <mergeCell ref="N13:Q13"/>
    <mergeCell ref="N14:Q14"/>
    <mergeCell ref="N15:Q15"/>
    <mergeCell ref="O16:Q16"/>
    <mergeCell ref="O17:Q17"/>
    <mergeCell ref="O18:Q18"/>
    <mergeCell ref="N19:Q19"/>
    <mergeCell ref="C47:F47"/>
    <mergeCell ref="C48:F48"/>
    <mergeCell ref="C49:F49"/>
    <mergeCell ref="C50:F50"/>
    <mergeCell ref="A73:F73"/>
    <mergeCell ref="C58:F58"/>
    <mergeCell ref="D59:F59"/>
    <mergeCell ref="D60:F60"/>
    <mergeCell ref="D61:F61"/>
    <mergeCell ref="D62:F62"/>
    <mergeCell ref="D63:D66"/>
    <mergeCell ref="A71:F71"/>
    <mergeCell ref="A72:F72"/>
    <mergeCell ref="C38:F38"/>
    <mergeCell ref="C40:F40"/>
    <mergeCell ref="B42:F42"/>
    <mergeCell ref="C43:F43"/>
    <mergeCell ref="C44:F44"/>
    <mergeCell ref="E65:E66"/>
    <mergeCell ref="B68:F68"/>
    <mergeCell ref="A69:F69"/>
    <mergeCell ref="A70:F70"/>
    <mergeCell ref="D57:F57"/>
    <mergeCell ref="C39:F39"/>
    <mergeCell ref="C41:F41"/>
    <mergeCell ref="B45:F45"/>
    <mergeCell ref="A46:A68"/>
    <mergeCell ref="B46:F46"/>
    <mergeCell ref="B51:F51"/>
    <mergeCell ref="C52:F52"/>
    <mergeCell ref="D53:F53"/>
    <mergeCell ref="D54:F54"/>
    <mergeCell ref="D55:F55"/>
    <mergeCell ref="D56:F56"/>
    <mergeCell ref="A22:A45"/>
    <mergeCell ref="B22:F22"/>
    <mergeCell ref="C24:F24"/>
    <mergeCell ref="C26:F26"/>
    <mergeCell ref="C27:F27"/>
    <mergeCell ref="C33:F33"/>
    <mergeCell ref="C34:F34"/>
    <mergeCell ref="C25:F25"/>
    <mergeCell ref="C28:F28"/>
    <mergeCell ref="C29:F29"/>
    <mergeCell ref="B31:F31"/>
    <mergeCell ref="C32:F32"/>
    <mergeCell ref="C35:F35"/>
    <mergeCell ref="C36:F36"/>
    <mergeCell ref="C37:F37"/>
    <mergeCell ref="A1:F2"/>
    <mergeCell ref="C13:F13"/>
    <mergeCell ref="B14:F14"/>
    <mergeCell ref="C15:F15"/>
    <mergeCell ref="C16:F16"/>
    <mergeCell ref="D9:F9"/>
    <mergeCell ref="C19:F19"/>
    <mergeCell ref="A3:A21"/>
    <mergeCell ref="B3:F3"/>
    <mergeCell ref="C4:F4"/>
    <mergeCell ref="D5:F5"/>
    <mergeCell ref="D6:F6"/>
    <mergeCell ref="D8:F8"/>
    <mergeCell ref="B21:F21"/>
    <mergeCell ref="C17:F17"/>
    <mergeCell ref="D10:F10"/>
    <mergeCell ref="D11:F11"/>
    <mergeCell ref="C12:F12"/>
    <mergeCell ref="C18:F18"/>
    <mergeCell ref="B20:F20"/>
    <mergeCell ref="C23:F23"/>
  </mergeCells>
  <phoneticPr fontId="2"/>
  <conditionalFormatting sqref="K3:K73">
    <cfRule type="cellIs" dxfId="1" priority="3" stopIfTrue="1" operator="equal">
      <formula>0</formula>
    </cfRule>
  </conditionalFormatting>
  <conditionalFormatting sqref="R3:R56">
    <cfRule type="cellIs" dxfId="0" priority="1" stopIfTrue="1" operator="equal">
      <formula>0</formula>
    </cfRule>
  </conditionalFormatting>
  <pageMargins left="0.78740157480314965" right="0.78740157480314965" top="1.5748031496062993" bottom="0.78740157480314965" header="0.51181102362204722" footer="0.51181102362204722"/>
  <pageSetup paperSize="9" scale="97" firstPageNumber="270" orientation="portrait" useFirstPageNumber="1" r:id="rId1"/>
  <headerFooter scaleWithDoc="0">
    <oddHeader>&amp;L&amp;"ＭＳ ゴシック,標準"Ⅳ　令和６年度地方公営企業事業別決算状況
　１０　休養宿泊事業
　　（１）法適用事業
&amp;A&amp;C&amp;"ＭＳ ゴシック,標準"
                  　　　　　　　 エ　資本的収支に関する調査　　</oddHeader>
    <oddFooter>&amp;C&amp;"ＭＳ ゴシック,標準"&amp;9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ア　施設及び業務の概況</vt:lpstr>
      <vt:lpstr>ウ　貸借対照表</vt:lpstr>
      <vt:lpstr>'ア　施設及び業務の概況'!Print_Titles</vt:lpstr>
      <vt:lpstr>'ウ　貸借対照表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齋藤真也</dc:creator>
  <cp:lastModifiedBy>田代 幹基（市町村課）</cp:lastModifiedBy>
  <cp:lastPrinted>2026-01-13T07:12:36Z</cp:lastPrinted>
  <dcterms:created xsi:type="dcterms:W3CDTF">2016-01-13T01:14:43Z</dcterms:created>
  <dcterms:modified xsi:type="dcterms:W3CDTF">2026-02-05T08:39:55Z</dcterms:modified>
</cp:coreProperties>
</file>